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2404004\Desktop\デスクトップ\"/>
    </mc:Choice>
  </mc:AlternateContent>
  <xr:revisionPtr revIDLastSave="0" documentId="13_ncr:1_{0F78FC22-30A0-471D-8FBA-798EF99B72F3}" xr6:coauthVersionLast="47" xr6:coauthVersionMax="47" xr10:uidLastSave="{00000000-0000-0000-0000-000000000000}"/>
  <bookViews>
    <workbookView xWindow="-110" yWindow="-110" windowWidth="23260" windowHeight="14860" xr2:uid="{00000000-000D-0000-FFFF-FFFF00000000}"/>
  </bookViews>
  <sheets>
    <sheet name="HP用" sheetId="1" r:id="rId1"/>
  </sheets>
  <definedNames>
    <definedName name="_xlnm._FilterDatabase" localSheetId="0" hidden="1">HP用!$A$7:$R$96</definedName>
    <definedName name="_xlnm.Print_Area" localSheetId="0">HP用!$A$1:$R$96</definedName>
    <definedName name="_xlnm.Print_Titles" localSheetId="0">HP用!$1:$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伊藤　道人</author>
  </authors>
  <commentList>
    <comment ref="Q41" authorId="0" shapeId="0" xr:uid="{1F24EF84-6B96-4146-AC45-1047D398C593}">
      <text>
        <r>
          <rPr>
            <sz val="9"/>
            <color indexed="81"/>
            <rFont val="MS P ゴシック"/>
            <family val="3"/>
            <charset val="128"/>
          </rPr>
          <t>Google Earth
国土地理院地図</t>
        </r>
      </text>
    </comment>
  </commentList>
</comments>
</file>

<file path=xl/sharedStrings.xml><?xml version="1.0" encoding="utf-8"?>
<sst xmlns="http://schemas.openxmlformats.org/spreadsheetml/2006/main" count="929" uniqueCount="256">
  <si>
    <t>指　定　緊　急　避　難　場　所</t>
    <rPh sb="0" eb="1">
      <t>ユビ</t>
    </rPh>
    <rPh sb="2" eb="3">
      <t>サダム</t>
    </rPh>
    <rPh sb="4" eb="5">
      <t>ミシト</t>
    </rPh>
    <rPh sb="6" eb="7">
      <t>キュウ</t>
    </rPh>
    <rPh sb="8" eb="9">
      <t>サ</t>
    </rPh>
    <rPh sb="10" eb="11">
      <t>ナン</t>
    </rPh>
    <rPh sb="12" eb="13">
      <t>バ</t>
    </rPh>
    <rPh sb="14" eb="15">
      <t>ショ</t>
    </rPh>
    <phoneticPr fontId="1"/>
  </si>
  <si>
    <t>災　害　の　種　類</t>
    <rPh sb="0" eb="1">
      <t>ワザワ</t>
    </rPh>
    <rPh sb="2" eb="3">
      <t>ガイ</t>
    </rPh>
    <rPh sb="6" eb="7">
      <t>タネ</t>
    </rPh>
    <rPh sb="8" eb="9">
      <t>タグイ</t>
    </rPh>
    <phoneticPr fontId="1"/>
  </si>
  <si>
    <t>指　定
避難所</t>
    <rPh sb="0" eb="1">
      <t>ユビ</t>
    </rPh>
    <rPh sb="2" eb="3">
      <t>サダム</t>
    </rPh>
    <rPh sb="4" eb="7">
      <t>ヒナンジョ</t>
    </rPh>
    <phoneticPr fontId="1"/>
  </si>
  <si>
    <t>住　所</t>
    <phoneticPr fontId="1"/>
  </si>
  <si>
    <t>電話番号
市外局番(0133)</t>
    <rPh sb="0" eb="1">
      <t>デン</t>
    </rPh>
    <rPh sb="1" eb="2">
      <t>ハナシ</t>
    </rPh>
    <rPh sb="2" eb="3">
      <t>バン</t>
    </rPh>
    <rPh sb="3" eb="4">
      <t>ゴウ</t>
    </rPh>
    <rPh sb="5" eb="7">
      <t>シガイ</t>
    </rPh>
    <rPh sb="7" eb="9">
      <t>キョクバン</t>
    </rPh>
    <phoneticPr fontId="1"/>
  </si>
  <si>
    <t>面　　積　　等</t>
  </si>
  <si>
    <t>海抜(ｍ)</t>
    <phoneticPr fontId="1"/>
  </si>
  <si>
    <t>地震</t>
  </si>
  <si>
    <t>津波</t>
  </si>
  <si>
    <t>高潮</t>
  </si>
  <si>
    <t>洪水</t>
  </si>
  <si>
    <t>土砂災害</t>
    <rPh sb="0" eb="2">
      <t>ドシャ</t>
    </rPh>
    <rPh sb="2" eb="4">
      <t>サイガイ</t>
    </rPh>
    <phoneticPr fontId="1"/>
  </si>
  <si>
    <t>大火事</t>
    <rPh sb="0" eb="3">
      <t>オオカジ</t>
    </rPh>
    <phoneticPr fontId="1"/>
  </si>
  <si>
    <t>屋内運動場（㎡）</t>
    <rPh sb="0" eb="2">
      <t>オクナイ</t>
    </rPh>
    <rPh sb="2" eb="5">
      <t>ウンドウジョウ</t>
    </rPh>
    <phoneticPr fontId="1"/>
  </si>
  <si>
    <t>人数(人)</t>
    <rPh sb="0" eb="2">
      <t>ニンズウ</t>
    </rPh>
    <rPh sb="3" eb="4">
      <t>ニン</t>
    </rPh>
    <phoneticPr fontId="1"/>
  </si>
  <si>
    <t>屋内教室等（室）</t>
    <rPh sb="3" eb="4">
      <t>シツ</t>
    </rPh>
    <rPh sb="6" eb="7">
      <t>シツ</t>
    </rPh>
    <phoneticPr fontId="1"/>
  </si>
  <si>
    <t>屋外(㎡)</t>
    <phoneticPr fontId="1"/>
  </si>
  <si>
    <t>旧千代志別小学校グラウンド</t>
  </si>
  <si>
    <t>○</t>
  </si>
  <si>
    <t>×</t>
  </si>
  <si>
    <t>浜益区千代志別595-1</t>
  </si>
  <si>
    <t>-</t>
  </si>
  <si>
    <t>旧床丹小学校グラウンド</t>
  </si>
  <si>
    <t>浜益区床丹435-1</t>
  </si>
  <si>
    <t>旧幌中学校グラウンド</t>
  </si>
  <si>
    <t>浜益区幌161-1</t>
  </si>
  <si>
    <t>幌会館</t>
  </si>
  <si>
    <t>浜益区幌21-2</t>
  </si>
  <si>
    <t>79-2238</t>
  </si>
  <si>
    <t>浜益スポーツセンター</t>
  </si>
  <si>
    <t>△</t>
  </si>
  <si>
    <t>▲</t>
  </si>
  <si>
    <t>浜益区群別1-41</t>
  </si>
  <si>
    <t>79-3615</t>
  </si>
  <si>
    <t>547(95)</t>
    <phoneticPr fontId="1"/>
  </si>
  <si>
    <t>浜益スポーツセンター駐車場</t>
  </si>
  <si>
    <t>浜益中学校</t>
  </si>
  <si>
    <t>浜益区浜益50-22</t>
  </si>
  <si>
    <t>79-2046</t>
  </si>
  <si>
    <t>浜益中学校校舎前グラウンド</t>
  </si>
  <si>
    <t>浜益コミュニティセンターきらり</t>
  </si>
  <si>
    <t>浜益区浜益630-1</t>
  </si>
  <si>
    <t>79-5566</t>
  </si>
  <si>
    <t>浜益コミュニティセンターきらり駐車場</t>
  </si>
  <si>
    <t>浜益支所</t>
  </si>
  <si>
    <t>浜益区浜益2-3</t>
  </si>
  <si>
    <t>79-2111</t>
  </si>
  <si>
    <t>浜益支所駐車場</t>
  </si>
  <si>
    <t>旧浜益中学校</t>
  </si>
  <si>
    <t>浜益区川下162-2</t>
  </si>
  <si>
    <t>旧浜益中学校グラウンド</t>
  </si>
  <si>
    <t>浜益区川下141-8</t>
  </si>
  <si>
    <t>浜益小学校</t>
  </si>
  <si>
    <t>浜益区柏木1-17</t>
  </si>
  <si>
    <t>79-3124</t>
  </si>
  <si>
    <t>639(199)</t>
    <phoneticPr fontId="1"/>
  </si>
  <si>
    <t>浜益小学校グラウンド</t>
  </si>
  <si>
    <t>浜益区柏木279-1</t>
  </si>
  <si>
    <t>石狩市浜益保養センター（浜益温泉）</t>
  </si>
  <si>
    <t>浜益区実田254-4</t>
  </si>
  <si>
    <t>79-3617</t>
  </si>
  <si>
    <t>実田会館</t>
  </si>
  <si>
    <t>浜益区実田129-2</t>
  </si>
  <si>
    <t>79-2977</t>
  </si>
  <si>
    <t>実田会館駐車場</t>
  </si>
  <si>
    <t>毘砂別会館</t>
  </si>
  <si>
    <t>浜益区毘砂別35-4</t>
  </si>
  <si>
    <t>79-2080</t>
  </si>
  <si>
    <t>毘砂別神社下市道</t>
  </si>
  <si>
    <t>浜益区毘砂別1441-1</t>
  </si>
  <si>
    <t>－</t>
    <phoneticPr fontId="1"/>
  </si>
  <si>
    <t>送毛会館</t>
  </si>
  <si>
    <t>浜益区送毛37-3</t>
  </si>
  <si>
    <t>79-3281</t>
  </si>
  <si>
    <t>送毛入口バス停</t>
  </si>
  <si>
    <t>浜益区送毛364-2</t>
  </si>
  <si>
    <t>道の駅石狩「あいろーど厚田」</t>
  </si>
  <si>
    <t>厚田区厚田98-2</t>
  </si>
  <si>
    <t>78-2300</t>
  </si>
  <si>
    <t>道の駅石狩「あいろーど厚田」駐車場</t>
  </si>
  <si>
    <t>厚田区厚田171-1</t>
  </si>
  <si>
    <t>発足会館</t>
  </si>
  <si>
    <t>厚田区厚田292-25</t>
  </si>
  <si>
    <t>78-2088</t>
  </si>
  <si>
    <t>発足会館駐車場</t>
  </si>
  <si>
    <t>株式会社新厚商事</t>
  </si>
  <si>
    <t>厚田区小谷194-2</t>
  </si>
  <si>
    <t>78-2388</t>
  </si>
  <si>
    <t>厚田区望来327</t>
  </si>
  <si>
    <t>77-2200</t>
  </si>
  <si>
    <t>高岡ふれあい研修センター</t>
  </si>
  <si>
    <t>八幡町高岡28-5</t>
  </si>
  <si>
    <t>66-3358</t>
  </si>
  <si>
    <t>八幡コミュニティセンター</t>
  </si>
  <si>
    <t>八幡2-332-12</t>
  </si>
  <si>
    <t>66-4261</t>
  </si>
  <si>
    <t>八幡4-167</t>
  </si>
  <si>
    <t>66-3009</t>
  </si>
  <si>
    <t>933(357)</t>
    <phoneticPr fontId="1"/>
  </si>
  <si>
    <t>北生振ふれあい研修センター</t>
  </si>
  <si>
    <t>北生振200-2</t>
  </si>
  <si>
    <t>66-3643</t>
  </si>
  <si>
    <t>公民館美登位分館</t>
  </si>
  <si>
    <t>美登位694-1</t>
  </si>
  <si>
    <t>66-3672</t>
  </si>
  <si>
    <t>横町39</t>
  </si>
  <si>
    <t>62-5004</t>
  </si>
  <si>
    <t>石狩中学校グラウンド</t>
  </si>
  <si>
    <t>石狩市防災ひろば</t>
  </si>
  <si>
    <t>志美65-48</t>
  </si>
  <si>
    <t>6.5～15.0　</t>
  </si>
  <si>
    <t>生振小学校</t>
  </si>
  <si>
    <t>生振375-1</t>
  </si>
  <si>
    <t>64-2018</t>
  </si>
  <si>
    <t>生振小学校グラウンド</t>
  </si>
  <si>
    <t>青葉公園</t>
  </si>
  <si>
    <t>新港南3-706</t>
  </si>
  <si>
    <t>4.4～13.4　</t>
  </si>
  <si>
    <t>樽川公園</t>
  </si>
  <si>
    <t>新港西2-784</t>
  </si>
  <si>
    <t>5.5～11.6　</t>
  </si>
  <si>
    <t>花川小学校</t>
  </si>
  <si>
    <t>花畔1条1-7</t>
  </si>
  <si>
    <t>64-5316</t>
  </si>
  <si>
    <t>花川小学校グラウンド</t>
  </si>
  <si>
    <t>石狩市スポーツ広場</t>
  </si>
  <si>
    <t>花畔337-3</t>
  </si>
  <si>
    <t>花川中学校</t>
  </si>
  <si>
    <t>花川北4条1-2-1</t>
  </si>
  <si>
    <t>74-2032</t>
  </si>
  <si>
    <t>花川中学校グラウンド</t>
  </si>
  <si>
    <t>双葉小学校</t>
  </si>
  <si>
    <t>花川北4条3-1</t>
  </si>
  <si>
    <t>74-0494</t>
  </si>
  <si>
    <t>双葉小学校グラウンド</t>
  </si>
  <si>
    <t>若葉公園</t>
  </si>
  <si>
    <t>花川北4条3-2</t>
  </si>
  <si>
    <t>4.0～6.0　</t>
  </si>
  <si>
    <t>花川北コミュニティセンター</t>
  </si>
  <si>
    <t>花川北3条2-198-1</t>
  </si>
  <si>
    <t>74-6525</t>
  </si>
  <si>
    <t>花川北3条3-1</t>
  </si>
  <si>
    <t>花川北中学校</t>
  </si>
  <si>
    <t>花川北3条4-130</t>
  </si>
  <si>
    <t>74-5957</t>
  </si>
  <si>
    <t>花川北中学校グラウンド</t>
  </si>
  <si>
    <t>紅葉山公園</t>
  </si>
  <si>
    <t>花川北2条3-210</t>
  </si>
  <si>
    <t>3.2～9.4</t>
  </si>
  <si>
    <t>紅南小学校</t>
  </si>
  <si>
    <t>花川北1条6-1</t>
  </si>
  <si>
    <t>74-0318</t>
  </si>
  <si>
    <t>1847(1076)</t>
    <phoneticPr fontId="1"/>
  </si>
  <si>
    <t>紅南小学校グラウンド</t>
  </si>
  <si>
    <t>紅南公園</t>
  </si>
  <si>
    <t>花川北1条6-2-1</t>
  </si>
  <si>
    <t>6.6～16.5　</t>
  </si>
  <si>
    <t>石狩翔陽高等学校</t>
  </si>
  <si>
    <t>花川東128-31</t>
  </si>
  <si>
    <t>74-5771</t>
  </si>
  <si>
    <t>3012(1530)</t>
    <phoneticPr fontId="1"/>
  </si>
  <si>
    <t>石狩翔陽高等学校グラウンド</t>
  </si>
  <si>
    <t>緑苑台小学校</t>
  </si>
  <si>
    <t>緑苑台中央3-603</t>
  </si>
  <si>
    <t>76-1990</t>
  </si>
  <si>
    <t>1908(1007)</t>
    <phoneticPr fontId="1"/>
  </si>
  <si>
    <t>緑苑台小学校グラウンド</t>
  </si>
  <si>
    <t>紅葉山南公園</t>
  </si>
  <si>
    <t>緑苑台中央3-601</t>
  </si>
  <si>
    <t>1.8～5.1　</t>
  </si>
  <si>
    <t>イオンスーパーセンター石狩緑苑台店</t>
    <phoneticPr fontId="1"/>
  </si>
  <si>
    <t>緑苑台中央1-2</t>
  </si>
  <si>
    <t>75-9800</t>
  </si>
  <si>
    <t>ふれあいの杜公園</t>
  </si>
  <si>
    <t>樽川4条1-600</t>
  </si>
  <si>
    <t>5.3～10.9　</t>
  </si>
  <si>
    <t>樽川中学校</t>
  </si>
  <si>
    <t>樽川6条3-600</t>
  </si>
  <si>
    <t>74-2352</t>
  </si>
  <si>
    <t>1565(611)</t>
    <phoneticPr fontId="1"/>
  </si>
  <si>
    <t>樽川中学校グラウンド</t>
  </si>
  <si>
    <t>南線小学校</t>
  </si>
  <si>
    <t>花川南3条1-18</t>
  </si>
  <si>
    <t>73-2042</t>
  </si>
  <si>
    <t>南線小学校グラウンド</t>
  </si>
  <si>
    <t>藤女子大学花川キャンパス前庭</t>
  </si>
  <si>
    <t>花川南4条5-7-1</t>
  </si>
  <si>
    <t>花川南小学校</t>
  </si>
  <si>
    <t>花川南6条5-1</t>
  </si>
  <si>
    <t>73-1924</t>
  </si>
  <si>
    <t>花川南小学校グラウンド</t>
  </si>
  <si>
    <t>花川南公園</t>
  </si>
  <si>
    <t>花川南6条5-94</t>
  </si>
  <si>
    <t>73-6917</t>
  </si>
  <si>
    <t>3.3～6.0　</t>
  </si>
  <si>
    <t>石狩南高等学校</t>
  </si>
  <si>
    <t>花川南8条5-1</t>
  </si>
  <si>
    <t>73-4181</t>
  </si>
  <si>
    <t>3389(1762)</t>
    <phoneticPr fontId="1"/>
  </si>
  <si>
    <t>石狩南高等学校グラウンド</t>
  </si>
  <si>
    <t>彩林公園</t>
  </si>
  <si>
    <t>花川南8条3-153-1</t>
  </si>
  <si>
    <t>5.6～7.5　</t>
  </si>
  <si>
    <t>花川南中学校</t>
  </si>
  <si>
    <t>花川南9条4-94</t>
  </si>
  <si>
    <t>73-6104</t>
  </si>
  <si>
    <t>1752(864)</t>
    <phoneticPr fontId="1"/>
  </si>
  <si>
    <t>花川南中学校グラウンド</t>
  </si>
  <si>
    <t>花川南コミュニティセンター</t>
    <rPh sb="0" eb="3">
      <t>ハナカワミナミ</t>
    </rPh>
    <phoneticPr fontId="1"/>
  </si>
  <si>
    <t>73-5300</t>
    <phoneticPr fontId="1"/>
  </si>
  <si>
    <t>○</t>
    <phoneticPr fontId="1"/>
  </si>
  <si>
    <t>759</t>
    <phoneticPr fontId="1"/>
  </si>
  <si>
    <t>759(138)</t>
    <phoneticPr fontId="1"/>
  </si>
  <si>
    <t>志美293-30</t>
    <phoneticPr fontId="1"/>
  </si>
  <si>
    <t>指定避難所及び指定緊急避難場所一覧</t>
    <rPh sb="0" eb="2">
      <t>シテイ</t>
    </rPh>
    <rPh sb="2" eb="5">
      <t>ヒナンジョ</t>
    </rPh>
    <rPh sb="5" eb="6">
      <t>オヨ</t>
    </rPh>
    <rPh sb="7" eb="9">
      <t>シテイ</t>
    </rPh>
    <rPh sb="9" eb="11">
      <t>キンキュウ</t>
    </rPh>
    <rPh sb="11" eb="13">
      <t>ヒナン</t>
    </rPh>
    <rPh sb="13" eb="15">
      <t>バショ</t>
    </rPh>
    <rPh sb="15" eb="17">
      <t>イチラン</t>
    </rPh>
    <phoneticPr fontId="1"/>
  </si>
  <si>
    <t>花川南6条5-27-2</t>
    <phoneticPr fontId="1"/>
  </si>
  <si>
    <t>聚富会館</t>
    <rPh sb="2" eb="4">
      <t>カイカン</t>
    </rPh>
    <phoneticPr fontId="1"/>
  </si>
  <si>
    <t>聚富会館駐車場</t>
    <rPh sb="2" eb="4">
      <t>カイカン</t>
    </rPh>
    <rPh sb="4" eb="7">
      <t>チュウシャジョウ</t>
    </rPh>
    <phoneticPr fontId="1"/>
  </si>
  <si>
    <t>厚田区聚富126-11</t>
    <phoneticPr fontId="1"/>
  </si>
  <si>
    <t>66-3251</t>
    <phoneticPr fontId="1"/>
  </si>
  <si>
    <t>6</t>
    <phoneticPr fontId="1"/>
  </si>
  <si>
    <t>188</t>
    <phoneticPr fontId="1"/>
  </si>
  <si>
    <t>1030</t>
    <phoneticPr fontId="1"/>
  </si>
  <si>
    <t>厚田学園</t>
    <rPh sb="2" eb="4">
      <t>ガクエン</t>
    </rPh>
    <phoneticPr fontId="1"/>
  </si>
  <si>
    <t>厚田学園グラウンド</t>
    <rPh sb="2" eb="4">
      <t>ガクエン</t>
    </rPh>
    <phoneticPr fontId="1"/>
  </si>
  <si>
    <t>77-5356</t>
    <phoneticPr fontId="1"/>
  </si>
  <si>
    <t>18</t>
    <phoneticPr fontId="1"/>
  </si>
  <si>
    <t>9500</t>
    <phoneticPr fontId="1"/>
  </si>
  <si>
    <t>576</t>
    <phoneticPr fontId="1"/>
  </si>
  <si>
    <t>314</t>
    <phoneticPr fontId="1"/>
  </si>
  <si>
    <t>547</t>
    <phoneticPr fontId="1"/>
  </si>
  <si>
    <t>×</t>
    <phoneticPr fontId="1"/>
  </si>
  <si>
    <t>石狩八幡小学校</t>
    <rPh sb="0" eb="2">
      <t>イシカリ</t>
    </rPh>
    <phoneticPr fontId="1"/>
  </si>
  <si>
    <t>石狩八幡小学校グラウンド</t>
    <rPh sb="0" eb="2">
      <t>イシカリ</t>
    </rPh>
    <phoneticPr fontId="1"/>
  </si>
  <si>
    <t>石狩中学校</t>
    <phoneticPr fontId="1"/>
  </si>
  <si>
    <t>旧石狩小学校</t>
    <rPh sb="0" eb="1">
      <t>キュウ</t>
    </rPh>
    <phoneticPr fontId="1"/>
  </si>
  <si>
    <t>旧石狩小学校グラウンド</t>
    <rPh sb="0" eb="1">
      <t>キュウ</t>
    </rPh>
    <phoneticPr fontId="1"/>
  </si>
  <si>
    <t>-</t>
    <phoneticPr fontId="1"/>
  </si>
  <si>
    <t>学び交流センター星置養護学校石狩紅葉山校舎</t>
    <rPh sb="19" eb="21">
      <t>コウシャ</t>
    </rPh>
    <phoneticPr fontId="1"/>
  </si>
  <si>
    <t>星置養護学校石狩紅葉山校舎グラウンド</t>
    <rPh sb="11" eb="13">
      <t>コウシャ</t>
    </rPh>
    <phoneticPr fontId="1"/>
  </si>
  <si>
    <t>76-1101</t>
    <phoneticPr fontId="1"/>
  </si>
  <si>
    <t>△</t>
    <phoneticPr fontId="1"/>
  </si>
  <si>
    <t>摺鉢山会館</t>
    <rPh sb="0" eb="3">
      <t>スリバチヤマ</t>
    </rPh>
    <rPh sb="3" eb="5">
      <t>カイカン</t>
    </rPh>
    <phoneticPr fontId="1"/>
  </si>
  <si>
    <t>4</t>
    <phoneticPr fontId="1"/>
  </si>
  <si>
    <t>65</t>
    <phoneticPr fontId="1"/>
  </si>
  <si>
    <t>△</t>
    <phoneticPr fontId="1"/>
  </si>
  <si>
    <t>摺鉢山会館駐車場</t>
    <rPh sb="0" eb="3">
      <t>スリバチヤマ</t>
    </rPh>
    <rPh sb="3" eb="5">
      <t>カイカン</t>
    </rPh>
    <rPh sb="5" eb="8">
      <t>チュウシャジョウ</t>
    </rPh>
    <phoneticPr fontId="1"/>
  </si>
  <si>
    <t>820</t>
    <phoneticPr fontId="1"/>
  </si>
  <si>
    <t>新港南2-729</t>
    <rPh sb="0" eb="2">
      <t>シンコウ</t>
    </rPh>
    <rPh sb="2" eb="3">
      <t>ミナミ</t>
    </rPh>
    <phoneticPr fontId="1"/>
  </si>
  <si>
    <t>64-0170</t>
    <phoneticPr fontId="1"/>
  </si>
  <si>
    <t>1086</t>
    <phoneticPr fontId="1"/>
  </si>
  <si>
    <t>ダイナム 石狩店</t>
    <rPh sb="5" eb="8">
      <t>イシカリテン</t>
    </rPh>
    <phoneticPr fontId="1"/>
  </si>
  <si>
    <r>
      <t xml:space="preserve">想定収容
人数(人)
</t>
    </r>
    <r>
      <rPr>
        <b/>
        <sz val="14"/>
        <rFont val="ＭＳ ゴシック"/>
        <family val="3"/>
        <charset val="128"/>
      </rPr>
      <t>※カッコ内は▲の時の
収容人数</t>
    </r>
    <rPh sb="5" eb="6">
      <t>ニン</t>
    </rPh>
    <rPh sb="8" eb="9">
      <t>ニン</t>
    </rPh>
    <rPh sb="15" eb="16">
      <t>ナイ</t>
    </rPh>
    <rPh sb="19" eb="20">
      <t>トキ</t>
    </rPh>
    <rPh sb="22" eb="24">
      <t>シュウヨウ</t>
    </rPh>
    <rPh sb="24" eb="25">
      <t>ニン</t>
    </rPh>
    <phoneticPr fontId="1"/>
  </si>
  <si>
    <r>
      <t xml:space="preserve">まちの浸水
</t>
    </r>
    <r>
      <rPr>
        <sz val="12"/>
        <rFont val="ＭＳ ゴシック"/>
        <family val="3"/>
        <charset val="128"/>
      </rPr>
      <t>（内水氾濫）</t>
    </r>
    <rPh sb="3" eb="5">
      <t>シンスイ</t>
    </rPh>
    <rPh sb="7" eb="8">
      <t>ナイ</t>
    </rPh>
    <rPh sb="8" eb="9">
      <t>スイ</t>
    </rPh>
    <rPh sb="9" eb="11">
      <t>ハンラン</t>
    </rPh>
    <phoneticPr fontId="1"/>
  </si>
  <si>
    <r>
      <t xml:space="preserve">戸田記念墓地公園（礼拝堂ほか）
</t>
    </r>
    <r>
      <rPr>
        <sz val="12"/>
        <rFont val="ＭＳ ゴシック"/>
        <family val="3"/>
        <charset val="128"/>
      </rPr>
      <t>※協定において期限付き滞在が可能</t>
    </r>
    <rPh sb="17" eb="19">
      <t>キョウテイ</t>
    </rPh>
    <rPh sb="23" eb="25">
      <t>キゲン</t>
    </rPh>
    <rPh sb="25" eb="26">
      <t>ツ</t>
    </rPh>
    <rPh sb="27" eb="29">
      <t>タイザイ</t>
    </rPh>
    <rPh sb="30" eb="32">
      <t>カノウ</t>
    </rPh>
    <phoneticPr fontId="1"/>
  </si>
  <si>
    <t>令和５年４月１日現在</t>
    <rPh sb="0" eb="2">
      <t>レイワ</t>
    </rPh>
    <rPh sb="3" eb="4">
      <t>ネン</t>
    </rPh>
    <rPh sb="5" eb="6">
      <t>ガツ</t>
    </rPh>
    <rPh sb="7" eb="8">
      <t>ニチ</t>
    </rPh>
    <rPh sb="8" eb="9">
      <t>ゲン</t>
    </rPh>
    <rPh sb="9" eb="10">
      <t>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_ "/>
  </numFmts>
  <fonts count="12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9"/>
      <color indexed="81"/>
      <name val="MS P 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6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2"/>
      <name val="ＭＳ ゴシック"/>
      <family val="3"/>
      <charset val="128"/>
    </font>
    <font>
      <sz val="16"/>
      <color rgb="FFFF000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3">
    <xf numFmtId="0" fontId="0" fillId="0" borderId="0" xfId="0"/>
    <xf numFmtId="0" fontId="2" fillId="0" borderId="0" xfId="0" applyFont="1"/>
    <xf numFmtId="0" fontId="4" fillId="0" borderId="0" xfId="0" applyFont="1"/>
    <xf numFmtId="0" fontId="2" fillId="0" borderId="0" xfId="0" applyFont="1" applyAlignment="1">
      <alignment horizontal="center"/>
    </xf>
    <xf numFmtId="49" fontId="2" fillId="0" borderId="0" xfId="0" applyNumberFormat="1" applyFont="1"/>
    <xf numFmtId="176" fontId="2" fillId="0" borderId="0" xfId="0" applyNumberFormat="1" applyFont="1"/>
    <xf numFmtId="0" fontId="3" fillId="0" borderId="0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justify" vertical="center" wrapText="1"/>
    </xf>
    <xf numFmtId="49" fontId="3" fillId="0" borderId="0" xfId="0" applyNumberFormat="1" applyFont="1" applyBorder="1" applyAlignment="1">
      <alignment horizontal="right" vertical="center" wrapText="1"/>
    </xf>
    <xf numFmtId="176" fontId="3" fillId="0" borderId="0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right" vertical="center" wrapText="1"/>
    </xf>
    <xf numFmtId="0" fontId="4" fillId="3" borderId="0" xfId="0" applyFont="1" applyFill="1"/>
    <xf numFmtId="0" fontId="6" fillId="2" borderId="1" xfId="0" applyFont="1" applyFill="1" applyBorder="1" applyAlignment="1">
      <alignment horizontal="center" vertical="center" wrapText="1"/>
    </xf>
    <xf numFmtId="0" fontId="8" fillId="2" borderId="0" xfId="0" applyFont="1" applyFill="1" applyAlignment="1">
      <alignment vertical="center"/>
    </xf>
    <xf numFmtId="0" fontId="7" fillId="2" borderId="0" xfId="0" applyFont="1" applyFill="1"/>
    <xf numFmtId="0" fontId="7" fillId="2" borderId="0" xfId="0" applyFont="1" applyFill="1" applyAlignment="1">
      <alignment horizontal="center"/>
    </xf>
    <xf numFmtId="49" fontId="7" fillId="2" borderId="0" xfId="0" applyNumberFormat="1" applyFont="1" applyFill="1"/>
    <xf numFmtId="0" fontId="6" fillId="2" borderId="1" xfId="0" applyFont="1" applyFill="1" applyBorder="1" applyAlignment="1">
      <alignment horizontal="left" vertical="center" wrapText="1"/>
    </xf>
    <xf numFmtId="0" fontId="6" fillId="2" borderId="1" xfId="0" applyFont="1" applyFill="1" applyBorder="1" applyAlignment="1">
      <alignment horizontal="justify" vertical="center" wrapText="1"/>
    </xf>
    <xf numFmtId="49" fontId="6" fillId="2" borderId="1" xfId="0" applyNumberFormat="1" applyFont="1" applyFill="1" applyBorder="1" applyAlignment="1">
      <alignment horizontal="right" vertical="center" wrapText="1"/>
    </xf>
    <xf numFmtId="176" fontId="6" fillId="2" borderId="1" xfId="0" applyNumberFormat="1" applyFont="1" applyFill="1" applyBorder="1" applyAlignment="1">
      <alignment horizontal="right" vertical="center" wrapText="1"/>
    </xf>
    <xf numFmtId="0" fontId="6" fillId="2" borderId="1" xfId="0" applyFont="1" applyFill="1" applyBorder="1" applyAlignment="1">
      <alignment horizontal="right" vertical="center" wrapText="1"/>
    </xf>
    <xf numFmtId="0" fontId="6" fillId="2" borderId="1" xfId="0" applyFont="1" applyFill="1" applyBorder="1" applyAlignment="1">
      <alignment horizontal="left" vertical="center" wrapText="1"/>
    </xf>
    <xf numFmtId="176" fontId="11" fillId="2" borderId="2" xfId="0" applyNumberFormat="1" applyFont="1" applyFill="1" applyBorder="1" applyAlignment="1">
      <alignment horizontal="center" shrinkToFit="1"/>
    </xf>
    <xf numFmtId="0" fontId="6" fillId="2" borderId="1" xfId="0" applyFont="1" applyFill="1" applyBorder="1" applyAlignment="1">
      <alignment horizontal="center" vertical="center" wrapText="1"/>
    </xf>
    <xf numFmtId="0" fontId="6" fillId="2" borderId="1" xfId="0" applyFont="1" applyFill="1" applyBorder="1" applyAlignment="1">
      <alignment horizontal="left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4" xfId="0" applyFont="1" applyFill="1" applyBorder="1" applyAlignment="1">
      <alignment horizontal="center" vertical="center" wrapText="1"/>
    </xf>
    <xf numFmtId="49" fontId="6" fillId="2" borderId="1" xfId="0" applyNumberFormat="1" applyFont="1" applyFill="1" applyBorder="1" applyAlignment="1">
      <alignment horizontal="center" vertical="center" textRotation="255" wrapText="1"/>
    </xf>
    <xf numFmtId="0" fontId="6" fillId="2" borderId="1" xfId="0" applyFont="1" applyFill="1" applyBorder="1" applyAlignment="1">
      <alignment horizontal="center" vertical="center" textRotation="255" wrapText="1"/>
    </xf>
    <xf numFmtId="49" fontId="6" fillId="2" borderId="1" xfId="0" applyNumberFormat="1" applyFont="1" applyFill="1" applyBorder="1" applyAlignment="1">
      <alignment horizontal="center" vertical="center" wrapText="1"/>
    </xf>
    <xf numFmtId="176" fontId="6" fillId="2" borderId="1" xfId="0" applyNumberFormat="1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R97"/>
  <sheetViews>
    <sheetView tabSelected="1" view="pageBreakPreview" zoomScale="70" zoomScaleNormal="70" zoomScaleSheetLayoutView="70" workbookViewId="0">
      <pane xSplit="1" ySplit="7" topLeftCell="B8" activePane="bottomRight" state="frozen"/>
      <selection pane="topRight" activeCell="C1" sqref="C1"/>
      <selection pane="bottomLeft" activeCell="A9" sqref="A9"/>
      <selection pane="bottomRight" activeCell="J102" sqref="J102"/>
    </sheetView>
  </sheetViews>
  <sheetFormatPr defaultColWidth="9" defaultRowHeight="13"/>
  <cols>
    <col min="1" max="1" width="36.5" style="1" customWidth="1"/>
    <col min="2" max="5" width="5.9140625" style="1" bestFit="1" customWidth="1"/>
    <col min="6" max="6" width="6" style="1" customWidth="1"/>
    <col min="7" max="8" width="5.9140625" style="1" customWidth="1"/>
    <col min="9" max="9" width="9.08203125" style="1" customWidth="1"/>
    <col min="10" max="10" width="20.6640625" style="1" customWidth="1"/>
    <col min="11" max="11" width="11.4140625" style="3" customWidth="1"/>
    <col min="12" max="16" width="9.9140625" style="4" customWidth="1"/>
    <col min="17" max="17" width="11.6640625" style="5" customWidth="1"/>
    <col min="18" max="18" width="14.08203125" style="3" customWidth="1"/>
    <col min="19" max="16384" width="9" style="1"/>
  </cols>
  <sheetData>
    <row r="1" spans="1:18" ht="35.25" customHeight="1">
      <c r="A1" s="14" t="s">
        <v>214</v>
      </c>
      <c r="B1" s="15"/>
      <c r="C1" s="15"/>
      <c r="D1" s="15"/>
      <c r="E1" s="15"/>
      <c r="F1" s="15"/>
      <c r="G1" s="15"/>
      <c r="H1" s="15"/>
      <c r="I1" s="15"/>
      <c r="J1" s="15"/>
      <c r="K1" s="16"/>
      <c r="L1" s="17"/>
      <c r="M1" s="17"/>
      <c r="N1" s="17"/>
      <c r="O1" s="17"/>
      <c r="P1" s="24" t="s">
        <v>255</v>
      </c>
      <c r="Q1" s="24"/>
      <c r="R1" s="24"/>
    </row>
    <row r="2" spans="1:18" ht="20.149999999999999" customHeight="1">
      <c r="A2" s="25" t="s">
        <v>0</v>
      </c>
      <c r="B2" s="25" t="s">
        <v>1</v>
      </c>
      <c r="C2" s="25"/>
      <c r="D2" s="25"/>
      <c r="E2" s="25"/>
      <c r="F2" s="25"/>
      <c r="G2" s="25"/>
      <c r="H2" s="25"/>
      <c r="I2" s="25" t="s">
        <v>2</v>
      </c>
      <c r="J2" s="25" t="s">
        <v>3</v>
      </c>
      <c r="K2" s="25" t="s">
        <v>4</v>
      </c>
      <c r="L2" s="31" t="s">
        <v>5</v>
      </c>
      <c r="M2" s="31"/>
      <c r="N2" s="31"/>
      <c r="O2" s="31"/>
      <c r="P2" s="31"/>
      <c r="Q2" s="32" t="s">
        <v>6</v>
      </c>
      <c r="R2" s="25" t="s">
        <v>252</v>
      </c>
    </row>
    <row r="3" spans="1:18" ht="20.149999999999999" customHeight="1">
      <c r="A3" s="25"/>
      <c r="B3" s="30" t="s">
        <v>7</v>
      </c>
      <c r="C3" s="30" t="s">
        <v>8</v>
      </c>
      <c r="D3" s="30" t="s">
        <v>9</v>
      </c>
      <c r="E3" s="30" t="s">
        <v>10</v>
      </c>
      <c r="F3" s="30" t="s">
        <v>253</v>
      </c>
      <c r="G3" s="30" t="s">
        <v>11</v>
      </c>
      <c r="H3" s="30" t="s">
        <v>12</v>
      </c>
      <c r="I3" s="25"/>
      <c r="J3" s="25"/>
      <c r="K3" s="25"/>
      <c r="L3" s="29" t="s">
        <v>13</v>
      </c>
      <c r="M3" s="29" t="s">
        <v>14</v>
      </c>
      <c r="N3" s="29" t="s">
        <v>15</v>
      </c>
      <c r="O3" s="29" t="s">
        <v>14</v>
      </c>
      <c r="P3" s="29" t="s">
        <v>16</v>
      </c>
      <c r="Q3" s="32"/>
      <c r="R3" s="25"/>
    </row>
    <row r="4" spans="1:18" ht="20.149999999999999" customHeight="1">
      <c r="A4" s="25"/>
      <c r="B4" s="30"/>
      <c r="C4" s="30"/>
      <c r="D4" s="30"/>
      <c r="E4" s="30"/>
      <c r="F4" s="30"/>
      <c r="G4" s="30"/>
      <c r="H4" s="30"/>
      <c r="I4" s="25"/>
      <c r="J4" s="25"/>
      <c r="K4" s="25"/>
      <c r="L4" s="29"/>
      <c r="M4" s="29"/>
      <c r="N4" s="29"/>
      <c r="O4" s="29"/>
      <c r="P4" s="29"/>
      <c r="Q4" s="32"/>
      <c r="R4" s="25"/>
    </row>
    <row r="5" spans="1:18" ht="20.149999999999999" customHeight="1">
      <c r="A5" s="25"/>
      <c r="B5" s="30"/>
      <c r="C5" s="30"/>
      <c r="D5" s="30"/>
      <c r="E5" s="30"/>
      <c r="F5" s="30"/>
      <c r="G5" s="30"/>
      <c r="H5" s="30"/>
      <c r="I5" s="25"/>
      <c r="J5" s="25"/>
      <c r="K5" s="25"/>
      <c r="L5" s="29"/>
      <c r="M5" s="29"/>
      <c r="N5" s="29"/>
      <c r="O5" s="29"/>
      <c r="P5" s="29"/>
      <c r="Q5" s="32"/>
      <c r="R5" s="25"/>
    </row>
    <row r="6" spans="1:18" ht="20.149999999999999" customHeight="1">
      <c r="A6" s="25"/>
      <c r="B6" s="30"/>
      <c r="C6" s="30"/>
      <c r="D6" s="30"/>
      <c r="E6" s="30"/>
      <c r="F6" s="30"/>
      <c r="G6" s="30"/>
      <c r="H6" s="30"/>
      <c r="I6" s="25"/>
      <c r="J6" s="25"/>
      <c r="K6" s="25"/>
      <c r="L6" s="29"/>
      <c r="M6" s="29"/>
      <c r="N6" s="29"/>
      <c r="O6" s="29"/>
      <c r="P6" s="29"/>
      <c r="Q6" s="32"/>
      <c r="R6" s="25"/>
    </row>
    <row r="7" spans="1:18" ht="20.149999999999999" customHeight="1">
      <c r="A7" s="25"/>
      <c r="B7" s="30"/>
      <c r="C7" s="30"/>
      <c r="D7" s="30"/>
      <c r="E7" s="30"/>
      <c r="F7" s="30"/>
      <c r="G7" s="30"/>
      <c r="H7" s="30"/>
      <c r="I7" s="25"/>
      <c r="J7" s="25"/>
      <c r="K7" s="25"/>
      <c r="L7" s="29"/>
      <c r="M7" s="29"/>
      <c r="N7" s="29"/>
      <c r="O7" s="29"/>
      <c r="P7" s="29"/>
      <c r="Q7" s="32"/>
      <c r="R7" s="25"/>
    </row>
    <row r="8" spans="1:18" s="2" customFormat="1" ht="33">
      <c r="A8" s="18" t="s">
        <v>17</v>
      </c>
      <c r="B8" s="13" t="s">
        <v>18</v>
      </c>
      <c r="C8" s="13" t="s">
        <v>18</v>
      </c>
      <c r="D8" s="13" t="s">
        <v>18</v>
      </c>
      <c r="E8" s="13" t="s">
        <v>18</v>
      </c>
      <c r="F8" s="13" t="s">
        <v>18</v>
      </c>
      <c r="G8" s="13" t="s">
        <v>18</v>
      </c>
      <c r="H8" s="13" t="s">
        <v>19</v>
      </c>
      <c r="I8" s="13"/>
      <c r="J8" s="19" t="s">
        <v>20</v>
      </c>
      <c r="K8" s="13" t="s">
        <v>21</v>
      </c>
      <c r="L8" s="20"/>
      <c r="M8" s="20"/>
      <c r="N8" s="20"/>
      <c r="O8" s="20"/>
      <c r="P8" s="20">
        <v>1200</v>
      </c>
      <c r="Q8" s="21">
        <v>30</v>
      </c>
      <c r="R8" s="22">
        <v>1080</v>
      </c>
    </row>
    <row r="9" spans="1:18" s="2" customFormat="1" ht="27.9" customHeight="1">
      <c r="A9" s="18" t="s">
        <v>22</v>
      </c>
      <c r="B9" s="13" t="s">
        <v>18</v>
      </c>
      <c r="C9" s="13" t="s">
        <v>18</v>
      </c>
      <c r="D9" s="13" t="s">
        <v>18</v>
      </c>
      <c r="E9" s="13" t="s">
        <v>18</v>
      </c>
      <c r="F9" s="13" t="s">
        <v>18</v>
      </c>
      <c r="G9" s="13" t="s">
        <v>18</v>
      </c>
      <c r="H9" s="13" t="s">
        <v>19</v>
      </c>
      <c r="I9" s="13"/>
      <c r="J9" s="19" t="s">
        <v>23</v>
      </c>
      <c r="K9" s="13" t="s">
        <v>21</v>
      </c>
      <c r="L9" s="20"/>
      <c r="M9" s="20"/>
      <c r="N9" s="20"/>
      <c r="O9" s="20"/>
      <c r="P9" s="20">
        <v>580</v>
      </c>
      <c r="Q9" s="21">
        <v>38</v>
      </c>
      <c r="R9" s="22">
        <v>522</v>
      </c>
    </row>
    <row r="10" spans="1:18" s="2" customFormat="1" ht="27.9" customHeight="1">
      <c r="A10" s="18" t="s">
        <v>24</v>
      </c>
      <c r="B10" s="13" t="s">
        <v>18</v>
      </c>
      <c r="C10" s="13" t="s">
        <v>18</v>
      </c>
      <c r="D10" s="13" t="s">
        <v>18</v>
      </c>
      <c r="E10" s="13" t="s">
        <v>18</v>
      </c>
      <c r="F10" s="13" t="s">
        <v>18</v>
      </c>
      <c r="G10" s="13" t="s">
        <v>18</v>
      </c>
      <c r="H10" s="13" t="s">
        <v>19</v>
      </c>
      <c r="I10" s="13"/>
      <c r="J10" s="19" t="s">
        <v>25</v>
      </c>
      <c r="K10" s="13" t="s">
        <v>21</v>
      </c>
      <c r="L10" s="20"/>
      <c r="M10" s="20"/>
      <c r="N10" s="20"/>
      <c r="O10" s="20"/>
      <c r="P10" s="20">
        <v>4773</v>
      </c>
      <c r="Q10" s="21">
        <v>32</v>
      </c>
      <c r="R10" s="22">
        <v>4295</v>
      </c>
    </row>
    <row r="11" spans="1:18" s="2" customFormat="1" ht="27.9" customHeight="1">
      <c r="A11" s="18" t="s">
        <v>26</v>
      </c>
      <c r="B11" s="13" t="s">
        <v>19</v>
      </c>
      <c r="C11" s="13" t="s">
        <v>18</v>
      </c>
      <c r="D11" s="13" t="s">
        <v>18</v>
      </c>
      <c r="E11" s="13" t="s">
        <v>18</v>
      </c>
      <c r="F11" s="13" t="s">
        <v>18</v>
      </c>
      <c r="G11" s="13" t="s">
        <v>18</v>
      </c>
      <c r="H11" s="13" t="s">
        <v>19</v>
      </c>
      <c r="I11" s="13" t="s">
        <v>18</v>
      </c>
      <c r="J11" s="19" t="s">
        <v>27</v>
      </c>
      <c r="K11" s="13" t="s">
        <v>28</v>
      </c>
      <c r="L11" s="20"/>
      <c r="M11" s="20"/>
      <c r="N11" s="20">
        <v>3</v>
      </c>
      <c r="O11" s="20">
        <v>102</v>
      </c>
      <c r="P11" s="20"/>
      <c r="Q11" s="21">
        <v>15.5</v>
      </c>
      <c r="R11" s="22">
        <v>102</v>
      </c>
    </row>
    <row r="12" spans="1:18" s="2" customFormat="1" ht="27.9" customHeight="1">
      <c r="A12" s="18" t="s">
        <v>29</v>
      </c>
      <c r="B12" s="13" t="s">
        <v>30</v>
      </c>
      <c r="C12" s="13" t="s">
        <v>18</v>
      </c>
      <c r="D12" s="13" t="s">
        <v>18</v>
      </c>
      <c r="E12" s="13" t="s">
        <v>18</v>
      </c>
      <c r="F12" s="13" t="s">
        <v>18</v>
      </c>
      <c r="G12" s="13" t="s">
        <v>31</v>
      </c>
      <c r="H12" s="13" t="s">
        <v>19</v>
      </c>
      <c r="I12" s="13" t="s">
        <v>18</v>
      </c>
      <c r="J12" s="26" t="s">
        <v>32</v>
      </c>
      <c r="K12" s="25" t="s">
        <v>33</v>
      </c>
      <c r="L12" s="20">
        <v>812</v>
      </c>
      <c r="M12" s="20">
        <v>442</v>
      </c>
      <c r="N12" s="20">
        <v>3</v>
      </c>
      <c r="O12" s="20">
        <v>105</v>
      </c>
      <c r="P12" s="20"/>
      <c r="Q12" s="21">
        <v>17.600000000000001</v>
      </c>
      <c r="R12" s="22" t="s">
        <v>34</v>
      </c>
    </row>
    <row r="13" spans="1:18" s="2" customFormat="1" ht="27.9" customHeight="1">
      <c r="A13" s="18" t="s">
        <v>35</v>
      </c>
      <c r="B13" s="13" t="s">
        <v>18</v>
      </c>
      <c r="C13" s="13" t="s">
        <v>18</v>
      </c>
      <c r="D13" s="13" t="s">
        <v>18</v>
      </c>
      <c r="E13" s="13" t="s">
        <v>18</v>
      </c>
      <c r="F13" s="13" t="s">
        <v>18</v>
      </c>
      <c r="G13" s="13" t="s">
        <v>19</v>
      </c>
      <c r="H13" s="13" t="s">
        <v>19</v>
      </c>
      <c r="I13" s="13"/>
      <c r="J13" s="26"/>
      <c r="K13" s="25"/>
      <c r="L13" s="20"/>
      <c r="M13" s="20"/>
      <c r="N13" s="20"/>
      <c r="O13" s="20"/>
      <c r="P13" s="20">
        <v>1600</v>
      </c>
      <c r="Q13" s="21">
        <v>17.600000000000001</v>
      </c>
      <c r="R13" s="22">
        <v>1440</v>
      </c>
    </row>
    <row r="14" spans="1:18" s="2" customFormat="1" ht="27.9" customHeight="1">
      <c r="A14" s="18" t="s">
        <v>36</v>
      </c>
      <c r="B14" s="13" t="s">
        <v>30</v>
      </c>
      <c r="C14" s="13" t="s">
        <v>18</v>
      </c>
      <c r="D14" s="13" t="s">
        <v>18</v>
      </c>
      <c r="E14" s="13" t="s">
        <v>18</v>
      </c>
      <c r="F14" s="13" t="s">
        <v>18</v>
      </c>
      <c r="G14" s="13" t="s">
        <v>19</v>
      </c>
      <c r="H14" s="13" t="s">
        <v>19</v>
      </c>
      <c r="I14" s="13" t="s">
        <v>18</v>
      </c>
      <c r="J14" s="26" t="s">
        <v>37</v>
      </c>
      <c r="K14" s="25" t="s">
        <v>38</v>
      </c>
      <c r="L14" s="20">
        <v>666</v>
      </c>
      <c r="M14" s="20">
        <v>362</v>
      </c>
      <c r="N14" s="20">
        <v>11</v>
      </c>
      <c r="O14" s="20">
        <v>436</v>
      </c>
      <c r="P14" s="20"/>
      <c r="Q14" s="21">
        <v>31.5</v>
      </c>
      <c r="R14" s="22">
        <v>798</v>
      </c>
    </row>
    <row r="15" spans="1:18" s="2" customFormat="1" ht="27.9" customHeight="1">
      <c r="A15" s="18" t="s">
        <v>39</v>
      </c>
      <c r="B15" s="13" t="s">
        <v>18</v>
      </c>
      <c r="C15" s="13" t="s">
        <v>18</v>
      </c>
      <c r="D15" s="13" t="s">
        <v>18</v>
      </c>
      <c r="E15" s="13" t="s">
        <v>18</v>
      </c>
      <c r="F15" s="13" t="s">
        <v>18</v>
      </c>
      <c r="G15" s="13" t="s">
        <v>19</v>
      </c>
      <c r="H15" s="13" t="s">
        <v>19</v>
      </c>
      <c r="I15" s="13"/>
      <c r="J15" s="26"/>
      <c r="K15" s="25"/>
      <c r="L15" s="20"/>
      <c r="M15" s="20"/>
      <c r="N15" s="20"/>
      <c r="O15" s="20"/>
      <c r="P15" s="20">
        <v>2400</v>
      </c>
      <c r="Q15" s="21">
        <v>31.5</v>
      </c>
      <c r="R15" s="22">
        <v>2160</v>
      </c>
    </row>
    <row r="16" spans="1:18" s="2" customFormat="1" ht="16.5">
      <c r="A16" s="18" t="s">
        <v>40</v>
      </c>
      <c r="B16" s="13" t="s">
        <v>30</v>
      </c>
      <c r="C16" s="13" t="s">
        <v>19</v>
      </c>
      <c r="D16" s="13" t="s">
        <v>18</v>
      </c>
      <c r="E16" s="13" t="s">
        <v>18</v>
      </c>
      <c r="F16" s="13" t="s">
        <v>18</v>
      </c>
      <c r="G16" s="13" t="s">
        <v>18</v>
      </c>
      <c r="H16" s="13" t="s">
        <v>19</v>
      </c>
      <c r="I16" s="13" t="s">
        <v>18</v>
      </c>
      <c r="J16" s="26" t="s">
        <v>41</v>
      </c>
      <c r="K16" s="25" t="s">
        <v>42</v>
      </c>
      <c r="L16" s="20">
        <v>608</v>
      </c>
      <c r="M16" s="20">
        <v>331</v>
      </c>
      <c r="N16" s="20">
        <v>3</v>
      </c>
      <c r="O16" s="20">
        <v>72</v>
      </c>
      <c r="P16" s="20"/>
      <c r="Q16" s="21">
        <v>6.4</v>
      </c>
      <c r="R16" s="22">
        <v>403</v>
      </c>
    </row>
    <row r="17" spans="1:18" s="2" customFormat="1" ht="33">
      <c r="A17" s="18" t="s">
        <v>43</v>
      </c>
      <c r="B17" s="13" t="s">
        <v>18</v>
      </c>
      <c r="C17" s="13" t="s">
        <v>19</v>
      </c>
      <c r="D17" s="13" t="s">
        <v>18</v>
      </c>
      <c r="E17" s="13" t="s">
        <v>18</v>
      </c>
      <c r="F17" s="13" t="s">
        <v>18</v>
      </c>
      <c r="G17" s="13" t="s">
        <v>18</v>
      </c>
      <c r="H17" s="13" t="s">
        <v>18</v>
      </c>
      <c r="I17" s="13"/>
      <c r="J17" s="26"/>
      <c r="K17" s="25"/>
      <c r="L17" s="20"/>
      <c r="M17" s="20"/>
      <c r="N17" s="20"/>
      <c r="O17" s="20"/>
      <c r="P17" s="20">
        <v>10000</v>
      </c>
      <c r="Q17" s="21">
        <v>6.4</v>
      </c>
      <c r="R17" s="22">
        <v>9000</v>
      </c>
    </row>
    <row r="18" spans="1:18" s="2" customFormat="1" ht="27.9" customHeight="1">
      <c r="A18" s="18" t="s">
        <v>44</v>
      </c>
      <c r="B18" s="13" t="s">
        <v>30</v>
      </c>
      <c r="C18" s="13" t="s">
        <v>18</v>
      </c>
      <c r="D18" s="13" t="s">
        <v>18</v>
      </c>
      <c r="E18" s="13" t="s">
        <v>18</v>
      </c>
      <c r="F18" s="13" t="s">
        <v>18</v>
      </c>
      <c r="G18" s="13" t="s">
        <v>18</v>
      </c>
      <c r="H18" s="13" t="s">
        <v>19</v>
      </c>
      <c r="I18" s="13" t="s">
        <v>18</v>
      </c>
      <c r="J18" s="26" t="s">
        <v>45</v>
      </c>
      <c r="K18" s="25" t="s">
        <v>46</v>
      </c>
      <c r="L18" s="20"/>
      <c r="M18" s="20"/>
      <c r="N18" s="20">
        <v>11</v>
      </c>
      <c r="O18" s="20">
        <v>260</v>
      </c>
      <c r="P18" s="20"/>
      <c r="Q18" s="21">
        <v>16</v>
      </c>
      <c r="R18" s="22">
        <v>260</v>
      </c>
    </row>
    <row r="19" spans="1:18" s="2" customFormat="1" ht="27.9" customHeight="1">
      <c r="A19" s="18" t="s">
        <v>47</v>
      </c>
      <c r="B19" s="13" t="s">
        <v>18</v>
      </c>
      <c r="C19" s="13" t="s">
        <v>18</v>
      </c>
      <c r="D19" s="13" t="s">
        <v>18</v>
      </c>
      <c r="E19" s="13" t="s">
        <v>18</v>
      </c>
      <c r="F19" s="13" t="s">
        <v>18</v>
      </c>
      <c r="G19" s="13" t="s">
        <v>19</v>
      </c>
      <c r="H19" s="13" t="s">
        <v>19</v>
      </c>
      <c r="I19" s="13"/>
      <c r="J19" s="26"/>
      <c r="K19" s="25"/>
      <c r="L19" s="20"/>
      <c r="M19" s="20"/>
      <c r="N19" s="20"/>
      <c r="O19" s="20"/>
      <c r="P19" s="20">
        <v>5500</v>
      </c>
      <c r="Q19" s="21">
        <v>16</v>
      </c>
      <c r="R19" s="22">
        <v>4950</v>
      </c>
    </row>
    <row r="20" spans="1:18" s="2" customFormat="1" ht="27.9" customHeight="1">
      <c r="A20" s="18" t="s">
        <v>48</v>
      </c>
      <c r="B20" s="13" t="s">
        <v>19</v>
      </c>
      <c r="C20" s="13" t="s">
        <v>18</v>
      </c>
      <c r="D20" s="13" t="s">
        <v>18</v>
      </c>
      <c r="E20" s="13" t="s">
        <v>18</v>
      </c>
      <c r="F20" s="13" t="s">
        <v>18</v>
      </c>
      <c r="G20" s="13" t="s">
        <v>19</v>
      </c>
      <c r="H20" s="13" t="s">
        <v>19</v>
      </c>
      <c r="I20" s="13" t="s">
        <v>18</v>
      </c>
      <c r="J20" s="19" t="s">
        <v>49</v>
      </c>
      <c r="K20" s="13" t="s">
        <v>21</v>
      </c>
      <c r="L20" s="20"/>
      <c r="M20" s="20"/>
      <c r="N20" s="20">
        <v>9</v>
      </c>
      <c r="O20" s="20">
        <v>310</v>
      </c>
      <c r="P20" s="20"/>
      <c r="Q20" s="21">
        <v>17</v>
      </c>
      <c r="R20" s="22">
        <v>310</v>
      </c>
    </row>
    <row r="21" spans="1:18" s="2" customFormat="1" ht="27.9" customHeight="1">
      <c r="A21" s="18" t="s">
        <v>50</v>
      </c>
      <c r="B21" s="13" t="s">
        <v>18</v>
      </c>
      <c r="C21" s="13" t="s">
        <v>18</v>
      </c>
      <c r="D21" s="13" t="s">
        <v>18</v>
      </c>
      <c r="E21" s="13" t="s">
        <v>18</v>
      </c>
      <c r="F21" s="13" t="s">
        <v>18</v>
      </c>
      <c r="G21" s="13" t="s">
        <v>19</v>
      </c>
      <c r="H21" s="13" t="s">
        <v>18</v>
      </c>
      <c r="I21" s="13"/>
      <c r="J21" s="19" t="s">
        <v>51</v>
      </c>
      <c r="K21" s="13" t="s">
        <v>21</v>
      </c>
      <c r="L21" s="20"/>
      <c r="M21" s="20"/>
      <c r="N21" s="20"/>
      <c r="O21" s="20"/>
      <c r="P21" s="20">
        <v>9400</v>
      </c>
      <c r="Q21" s="21">
        <v>13</v>
      </c>
      <c r="R21" s="22">
        <v>8460</v>
      </c>
    </row>
    <row r="22" spans="1:18" s="2" customFormat="1" ht="27.9" customHeight="1">
      <c r="A22" s="18" t="s">
        <v>52</v>
      </c>
      <c r="B22" s="13" t="s">
        <v>30</v>
      </c>
      <c r="C22" s="13" t="s">
        <v>19</v>
      </c>
      <c r="D22" s="13" t="s">
        <v>18</v>
      </c>
      <c r="E22" s="13" t="s">
        <v>31</v>
      </c>
      <c r="F22" s="13" t="s">
        <v>18</v>
      </c>
      <c r="G22" s="13" t="s">
        <v>18</v>
      </c>
      <c r="H22" s="13" t="s">
        <v>19</v>
      </c>
      <c r="I22" s="13" t="s">
        <v>18</v>
      </c>
      <c r="J22" s="26" t="s">
        <v>53</v>
      </c>
      <c r="K22" s="25" t="s">
        <v>54</v>
      </c>
      <c r="L22" s="20">
        <v>588</v>
      </c>
      <c r="M22" s="20">
        <v>320</v>
      </c>
      <c r="N22" s="20">
        <v>10</v>
      </c>
      <c r="O22" s="20">
        <v>319</v>
      </c>
      <c r="P22" s="20"/>
      <c r="Q22" s="21">
        <v>2</v>
      </c>
      <c r="R22" s="22" t="s">
        <v>55</v>
      </c>
    </row>
    <row r="23" spans="1:18" s="2" customFormat="1" ht="27.9" customHeight="1">
      <c r="A23" s="18" t="s">
        <v>56</v>
      </c>
      <c r="B23" s="13" t="s">
        <v>18</v>
      </c>
      <c r="C23" s="13" t="s">
        <v>19</v>
      </c>
      <c r="D23" s="13" t="s">
        <v>18</v>
      </c>
      <c r="E23" s="13" t="s">
        <v>19</v>
      </c>
      <c r="F23" s="13" t="s">
        <v>18</v>
      </c>
      <c r="G23" s="13" t="s">
        <v>18</v>
      </c>
      <c r="H23" s="13" t="s">
        <v>19</v>
      </c>
      <c r="I23" s="13"/>
      <c r="J23" s="26"/>
      <c r="K23" s="25"/>
      <c r="L23" s="20"/>
      <c r="M23" s="20"/>
      <c r="N23" s="20"/>
      <c r="O23" s="20"/>
      <c r="P23" s="20">
        <v>4900</v>
      </c>
      <c r="Q23" s="21">
        <v>2</v>
      </c>
      <c r="R23" s="22">
        <v>4410</v>
      </c>
    </row>
    <row r="24" spans="1:18" s="2" customFormat="1" ht="27.9" customHeight="1">
      <c r="A24" s="18" t="s">
        <v>242</v>
      </c>
      <c r="B24" s="13" t="s">
        <v>245</v>
      </c>
      <c r="C24" s="13" t="s">
        <v>18</v>
      </c>
      <c r="D24" s="13" t="s">
        <v>18</v>
      </c>
      <c r="E24" s="13" t="s">
        <v>18</v>
      </c>
      <c r="F24" s="13" t="s">
        <v>18</v>
      </c>
      <c r="G24" s="13" t="s">
        <v>18</v>
      </c>
      <c r="H24" s="13" t="s">
        <v>19</v>
      </c>
      <c r="I24" s="13" t="s">
        <v>18</v>
      </c>
      <c r="J24" s="27" t="s">
        <v>57</v>
      </c>
      <c r="K24" s="27" t="s">
        <v>21</v>
      </c>
      <c r="L24" s="20"/>
      <c r="M24" s="20"/>
      <c r="N24" s="20" t="s">
        <v>243</v>
      </c>
      <c r="O24" s="20" t="s">
        <v>244</v>
      </c>
      <c r="P24" s="20"/>
      <c r="Q24" s="21">
        <v>27</v>
      </c>
      <c r="R24" s="22">
        <v>65</v>
      </c>
    </row>
    <row r="25" spans="1:18" s="2" customFormat="1" ht="27.9" customHeight="1">
      <c r="A25" s="18" t="s">
        <v>246</v>
      </c>
      <c r="B25" s="13" t="s">
        <v>18</v>
      </c>
      <c r="C25" s="13" t="s">
        <v>18</v>
      </c>
      <c r="D25" s="13" t="s">
        <v>18</v>
      </c>
      <c r="E25" s="13" t="s">
        <v>18</v>
      </c>
      <c r="F25" s="13" t="s">
        <v>18</v>
      </c>
      <c r="G25" s="13" t="s">
        <v>18</v>
      </c>
      <c r="H25" s="13" t="s">
        <v>19</v>
      </c>
      <c r="I25" s="13"/>
      <c r="J25" s="28"/>
      <c r="K25" s="28"/>
      <c r="L25" s="20"/>
      <c r="M25" s="20"/>
      <c r="N25" s="20"/>
      <c r="O25" s="20"/>
      <c r="P25" s="20" t="s">
        <v>247</v>
      </c>
      <c r="Q25" s="21">
        <v>27</v>
      </c>
      <c r="R25" s="22">
        <v>738</v>
      </c>
    </row>
    <row r="26" spans="1:18" s="2" customFormat="1" ht="33">
      <c r="A26" s="18" t="s">
        <v>58</v>
      </c>
      <c r="B26" s="13" t="s">
        <v>30</v>
      </c>
      <c r="C26" s="13" t="s">
        <v>18</v>
      </c>
      <c r="D26" s="13" t="s">
        <v>18</v>
      </c>
      <c r="E26" s="13" t="s">
        <v>231</v>
      </c>
      <c r="F26" s="13" t="s">
        <v>18</v>
      </c>
      <c r="G26" s="13" t="s">
        <v>19</v>
      </c>
      <c r="H26" s="13" t="s">
        <v>19</v>
      </c>
      <c r="I26" s="13" t="s">
        <v>18</v>
      </c>
      <c r="J26" s="19" t="s">
        <v>59</v>
      </c>
      <c r="K26" s="13" t="s">
        <v>60</v>
      </c>
      <c r="L26" s="20"/>
      <c r="M26" s="20"/>
      <c r="N26" s="20">
        <v>5</v>
      </c>
      <c r="O26" s="20">
        <v>144</v>
      </c>
      <c r="P26" s="20"/>
      <c r="Q26" s="21">
        <v>8.4</v>
      </c>
      <c r="R26" s="22">
        <v>144</v>
      </c>
    </row>
    <row r="27" spans="1:18" s="2" customFormat="1" ht="27.9" customHeight="1">
      <c r="A27" s="18" t="s">
        <v>61</v>
      </c>
      <c r="B27" s="13" t="s">
        <v>30</v>
      </c>
      <c r="C27" s="13" t="s">
        <v>18</v>
      </c>
      <c r="D27" s="13" t="s">
        <v>18</v>
      </c>
      <c r="E27" s="13" t="s">
        <v>231</v>
      </c>
      <c r="F27" s="13" t="s">
        <v>18</v>
      </c>
      <c r="G27" s="13" t="s">
        <v>18</v>
      </c>
      <c r="H27" s="13" t="s">
        <v>19</v>
      </c>
      <c r="I27" s="13" t="s">
        <v>18</v>
      </c>
      <c r="J27" s="26" t="s">
        <v>62</v>
      </c>
      <c r="K27" s="25" t="s">
        <v>63</v>
      </c>
      <c r="L27" s="20"/>
      <c r="M27" s="20"/>
      <c r="N27" s="20">
        <v>3</v>
      </c>
      <c r="O27" s="20">
        <v>96</v>
      </c>
      <c r="P27" s="20"/>
      <c r="Q27" s="21">
        <v>15</v>
      </c>
      <c r="R27" s="22">
        <v>96</v>
      </c>
    </row>
    <row r="28" spans="1:18" s="2" customFormat="1" ht="27.9" customHeight="1">
      <c r="A28" s="18" t="s">
        <v>64</v>
      </c>
      <c r="B28" s="13" t="s">
        <v>18</v>
      </c>
      <c r="C28" s="13" t="s">
        <v>18</v>
      </c>
      <c r="D28" s="13" t="s">
        <v>18</v>
      </c>
      <c r="E28" s="13" t="s">
        <v>231</v>
      </c>
      <c r="F28" s="13" t="s">
        <v>18</v>
      </c>
      <c r="G28" s="13" t="s">
        <v>18</v>
      </c>
      <c r="H28" s="13" t="s">
        <v>19</v>
      </c>
      <c r="I28" s="13"/>
      <c r="J28" s="26"/>
      <c r="K28" s="25"/>
      <c r="L28" s="20"/>
      <c r="M28" s="20"/>
      <c r="N28" s="20"/>
      <c r="O28" s="20"/>
      <c r="P28" s="20">
        <v>2500</v>
      </c>
      <c r="Q28" s="21">
        <v>15</v>
      </c>
      <c r="R28" s="22">
        <v>2250</v>
      </c>
    </row>
    <row r="29" spans="1:18" s="2" customFormat="1" ht="27.9" customHeight="1">
      <c r="A29" s="18" t="s">
        <v>65</v>
      </c>
      <c r="B29" s="13" t="s">
        <v>19</v>
      </c>
      <c r="C29" s="13" t="s">
        <v>19</v>
      </c>
      <c r="D29" s="13" t="s">
        <v>18</v>
      </c>
      <c r="E29" s="13" t="s">
        <v>18</v>
      </c>
      <c r="F29" s="13" t="s">
        <v>18</v>
      </c>
      <c r="G29" s="13" t="s">
        <v>18</v>
      </c>
      <c r="H29" s="13" t="s">
        <v>19</v>
      </c>
      <c r="I29" s="13" t="s">
        <v>18</v>
      </c>
      <c r="J29" s="19" t="s">
        <v>66</v>
      </c>
      <c r="K29" s="13" t="s">
        <v>67</v>
      </c>
      <c r="L29" s="20"/>
      <c r="M29" s="20"/>
      <c r="N29" s="20">
        <v>4</v>
      </c>
      <c r="O29" s="20">
        <v>61</v>
      </c>
      <c r="P29" s="20"/>
      <c r="Q29" s="21">
        <v>5</v>
      </c>
      <c r="R29" s="22">
        <v>61</v>
      </c>
    </row>
    <row r="30" spans="1:18" s="2" customFormat="1" ht="33">
      <c r="A30" s="18" t="s">
        <v>68</v>
      </c>
      <c r="B30" s="13" t="s">
        <v>18</v>
      </c>
      <c r="C30" s="13" t="s">
        <v>19</v>
      </c>
      <c r="D30" s="13" t="s">
        <v>18</v>
      </c>
      <c r="E30" s="13" t="s">
        <v>18</v>
      </c>
      <c r="F30" s="13" t="s">
        <v>18</v>
      </c>
      <c r="G30" s="13" t="s">
        <v>19</v>
      </c>
      <c r="H30" s="13" t="s">
        <v>19</v>
      </c>
      <c r="I30" s="13"/>
      <c r="J30" s="23" t="s">
        <v>69</v>
      </c>
      <c r="K30" s="13" t="s">
        <v>21</v>
      </c>
      <c r="L30" s="20"/>
      <c r="M30" s="20"/>
      <c r="N30" s="20"/>
      <c r="O30" s="20"/>
      <c r="P30" s="20"/>
      <c r="Q30" s="21">
        <v>18.600000000000001</v>
      </c>
      <c r="R30" s="22" t="s">
        <v>70</v>
      </c>
    </row>
    <row r="31" spans="1:18" s="2" customFormat="1" ht="27.9" customHeight="1">
      <c r="A31" s="18" t="s">
        <v>71</v>
      </c>
      <c r="B31" s="13" t="s">
        <v>30</v>
      </c>
      <c r="C31" s="13" t="s">
        <v>18</v>
      </c>
      <c r="D31" s="13" t="s">
        <v>18</v>
      </c>
      <c r="E31" s="13" t="s">
        <v>18</v>
      </c>
      <c r="F31" s="13" t="s">
        <v>18</v>
      </c>
      <c r="G31" s="13" t="s">
        <v>19</v>
      </c>
      <c r="H31" s="13" t="s">
        <v>19</v>
      </c>
      <c r="I31" s="13" t="s">
        <v>18</v>
      </c>
      <c r="J31" s="19" t="s">
        <v>72</v>
      </c>
      <c r="K31" s="13" t="s">
        <v>73</v>
      </c>
      <c r="L31" s="20"/>
      <c r="M31" s="20"/>
      <c r="N31" s="20">
        <v>2</v>
      </c>
      <c r="O31" s="20">
        <v>52</v>
      </c>
      <c r="P31" s="20"/>
      <c r="Q31" s="21">
        <v>16</v>
      </c>
      <c r="R31" s="22">
        <v>52</v>
      </c>
    </row>
    <row r="32" spans="1:18" s="2" customFormat="1" ht="27.9" customHeight="1">
      <c r="A32" s="18" t="s">
        <v>74</v>
      </c>
      <c r="B32" s="13" t="s">
        <v>18</v>
      </c>
      <c r="C32" s="13" t="s">
        <v>18</v>
      </c>
      <c r="D32" s="13" t="s">
        <v>18</v>
      </c>
      <c r="E32" s="13" t="s">
        <v>18</v>
      </c>
      <c r="F32" s="13" t="s">
        <v>18</v>
      </c>
      <c r="G32" s="13" t="s">
        <v>18</v>
      </c>
      <c r="H32" s="13" t="s">
        <v>19</v>
      </c>
      <c r="I32" s="13"/>
      <c r="J32" s="19" t="s">
        <v>75</v>
      </c>
      <c r="K32" s="13" t="s">
        <v>21</v>
      </c>
      <c r="L32" s="20"/>
      <c r="M32" s="20"/>
      <c r="N32" s="20"/>
      <c r="O32" s="20"/>
      <c r="P32" s="20">
        <v>180</v>
      </c>
      <c r="Q32" s="21">
        <v>95.8</v>
      </c>
      <c r="R32" s="22">
        <v>162</v>
      </c>
    </row>
    <row r="33" spans="1:18" s="2" customFormat="1" ht="27.65" customHeight="1">
      <c r="A33" s="18" t="s">
        <v>76</v>
      </c>
      <c r="B33" s="13" t="s">
        <v>30</v>
      </c>
      <c r="C33" s="13" t="s">
        <v>18</v>
      </c>
      <c r="D33" s="13" t="s">
        <v>18</v>
      </c>
      <c r="E33" s="13" t="s">
        <v>18</v>
      </c>
      <c r="F33" s="13" t="s">
        <v>18</v>
      </c>
      <c r="G33" s="13" t="s">
        <v>18</v>
      </c>
      <c r="H33" s="13" t="s">
        <v>19</v>
      </c>
      <c r="I33" s="13"/>
      <c r="J33" s="26" t="s">
        <v>77</v>
      </c>
      <c r="K33" s="25" t="s">
        <v>78</v>
      </c>
      <c r="L33" s="20"/>
      <c r="M33" s="20"/>
      <c r="N33" s="20">
        <v>6</v>
      </c>
      <c r="O33" s="20">
        <v>205</v>
      </c>
      <c r="P33" s="20"/>
      <c r="Q33" s="21">
        <v>29</v>
      </c>
      <c r="R33" s="22">
        <v>205</v>
      </c>
    </row>
    <row r="34" spans="1:18" s="2" customFormat="1" ht="33">
      <c r="A34" s="18" t="s">
        <v>79</v>
      </c>
      <c r="B34" s="13" t="s">
        <v>18</v>
      </c>
      <c r="C34" s="13" t="s">
        <v>18</v>
      </c>
      <c r="D34" s="13" t="s">
        <v>18</v>
      </c>
      <c r="E34" s="13" t="s">
        <v>18</v>
      </c>
      <c r="F34" s="13" t="s">
        <v>18</v>
      </c>
      <c r="G34" s="13" t="s">
        <v>18</v>
      </c>
      <c r="H34" s="13" t="s">
        <v>19</v>
      </c>
      <c r="I34" s="13"/>
      <c r="J34" s="26"/>
      <c r="K34" s="25"/>
      <c r="L34" s="20"/>
      <c r="M34" s="20"/>
      <c r="N34" s="20"/>
      <c r="O34" s="20"/>
      <c r="P34" s="20">
        <v>3600</v>
      </c>
      <c r="Q34" s="21">
        <v>29</v>
      </c>
      <c r="R34" s="22">
        <v>3240</v>
      </c>
    </row>
    <row r="35" spans="1:18" s="2" customFormat="1" ht="27.9" customHeight="1">
      <c r="A35" s="18" t="s">
        <v>223</v>
      </c>
      <c r="B35" s="13" t="s">
        <v>30</v>
      </c>
      <c r="C35" s="13" t="s">
        <v>18</v>
      </c>
      <c r="D35" s="13" t="s">
        <v>18</v>
      </c>
      <c r="E35" s="13" t="s">
        <v>18</v>
      </c>
      <c r="F35" s="13" t="s">
        <v>18</v>
      </c>
      <c r="G35" s="13" t="s">
        <v>18</v>
      </c>
      <c r="H35" s="13" t="s">
        <v>19</v>
      </c>
      <c r="I35" s="13" t="s">
        <v>18</v>
      </c>
      <c r="J35" s="26" t="s">
        <v>80</v>
      </c>
      <c r="K35" s="25" t="s">
        <v>225</v>
      </c>
      <c r="L35" s="20" t="s">
        <v>228</v>
      </c>
      <c r="M35" s="20" t="s">
        <v>229</v>
      </c>
      <c r="N35" s="20" t="s">
        <v>226</v>
      </c>
      <c r="O35" s="20" t="s">
        <v>230</v>
      </c>
      <c r="P35" s="20"/>
      <c r="Q35" s="21">
        <v>20</v>
      </c>
      <c r="R35" s="22">
        <v>861</v>
      </c>
    </row>
    <row r="36" spans="1:18" s="2" customFormat="1" ht="27.9" customHeight="1">
      <c r="A36" s="18" t="s">
        <v>224</v>
      </c>
      <c r="B36" s="13" t="s">
        <v>18</v>
      </c>
      <c r="C36" s="13" t="s">
        <v>18</v>
      </c>
      <c r="D36" s="13" t="s">
        <v>18</v>
      </c>
      <c r="E36" s="13" t="s">
        <v>18</v>
      </c>
      <c r="F36" s="13" t="s">
        <v>18</v>
      </c>
      <c r="G36" s="13" t="s">
        <v>18</v>
      </c>
      <c r="H36" s="13" t="s">
        <v>18</v>
      </c>
      <c r="I36" s="13"/>
      <c r="J36" s="26"/>
      <c r="K36" s="25"/>
      <c r="L36" s="20"/>
      <c r="M36" s="20"/>
      <c r="N36" s="20"/>
      <c r="O36" s="20"/>
      <c r="P36" s="20" t="s">
        <v>227</v>
      </c>
      <c r="Q36" s="21">
        <v>20</v>
      </c>
      <c r="R36" s="22">
        <v>8550</v>
      </c>
    </row>
    <row r="37" spans="1:18" s="2" customFormat="1" ht="27.9" customHeight="1">
      <c r="A37" s="18" t="s">
        <v>81</v>
      </c>
      <c r="B37" s="13" t="s">
        <v>30</v>
      </c>
      <c r="C37" s="13" t="s">
        <v>18</v>
      </c>
      <c r="D37" s="13" t="s">
        <v>18</v>
      </c>
      <c r="E37" s="13" t="s">
        <v>18</v>
      </c>
      <c r="F37" s="13" t="s">
        <v>18</v>
      </c>
      <c r="G37" s="13" t="s">
        <v>19</v>
      </c>
      <c r="H37" s="13" t="s">
        <v>19</v>
      </c>
      <c r="I37" s="13" t="s">
        <v>18</v>
      </c>
      <c r="J37" s="26" t="s">
        <v>82</v>
      </c>
      <c r="K37" s="25" t="s">
        <v>83</v>
      </c>
      <c r="L37" s="20"/>
      <c r="M37" s="20"/>
      <c r="N37" s="20">
        <v>3</v>
      </c>
      <c r="O37" s="20">
        <v>111</v>
      </c>
      <c r="P37" s="20"/>
      <c r="Q37" s="21">
        <v>59.7</v>
      </c>
      <c r="R37" s="22">
        <v>111</v>
      </c>
    </row>
    <row r="38" spans="1:18" s="2" customFormat="1" ht="27.9" customHeight="1">
      <c r="A38" s="18" t="s">
        <v>84</v>
      </c>
      <c r="B38" s="13" t="s">
        <v>18</v>
      </c>
      <c r="C38" s="13" t="s">
        <v>18</v>
      </c>
      <c r="D38" s="13" t="s">
        <v>18</v>
      </c>
      <c r="E38" s="13" t="s">
        <v>18</v>
      </c>
      <c r="F38" s="13" t="s">
        <v>18</v>
      </c>
      <c r="G38" s="13" t="s">
        <v>19</v>
      </c>
      <c r="H38" s="13" t="s">
        <v>18</v>
      </c>
      <c r="I38" s="13"/>
      <c r="J38" s="26"/>
      <c r="K38" s="25"/>
      <c r="L38" s="20"/>
      <c r="M38" s="20"/>
      <c r="N38" s="20"/>
      <c r="O38" s="20"/>
      <c r="P38" s="20">
        <v>10500</v>
      </c>
      <c r="Q38" s="21">
        <v>59.7</v>
      </c>
      <c r="R38" s="22">
        <v>9450</v>
      </c>
    </row>
    <row r="39" spans="1:18" s="2" customFormat="1" ht="27.9" customHeight="1">
      <c r="A39" s="18" t="s">
        <v>85</v>
      </c>
      <c r="B39" s="13" t="s">
        <v>30</v>
      </c>
      <c r="C39" s="13" t="s">
        <v>18</v>
      </c>
      <c r="D39" s="13" t="s">
        <v>18</v>
      </c>
      <c r="E39" s="13" t="s">
        <v>18</v>
      </c>
      <c r="F39" s="13" t="s">
        <v>18</v>
      </c>
      <c r="G39" s="13" t="s">
        <v>18</v>
      </c>
      <c r="H39" s="13" t="s">
        <v>19</v>
      </c>
      <c r="I39" s="13" t="s">
        <v>18</v>
      </c>
      <c r="J39" s="19" t="s">
        <v>86</v>
      </c>
      <c r="K39" s="13" t="s">
        <v>87</v>
      </c>
      <c r="L39" s="20"/>
      <c r="M39" s="20"/>
      <c r="N39" s="20">
        <v>2</v>
      </c>
      <c r="O39" s="20">
        <v>29</v>
      </c>
      <c r="P39" s="20"/>
      <c r="Q39" s="21">
        <v>36</v>
      </c>
      <c r="R39" s="22">
        <v>29</v>
      </c>
    </row>
    <row r="40" spans="1:18" s="2" customFormat="1" ht="30.5">
      <c r="A40" s="18" t="s">
        <v>254</v>
      </c>
      <c r="B40" s="13" t="s">
        <v>30</v>
      </c>
      <c r="C40" s="13" t="s">
        <v>18</v>
      </c>
      <c r="D40" s="13" t="s">
        <v>18</v>
      </c>
      <c r="E40" s="13" t="s">
        <v>18</v>
      </c>
      <c r="F40" s="13" t="s">
        <v>18</v>
      </c>
      <c r="G40" s="13" t="s">
        <v>18</v>
      </c>
      <c r="H40" s="13" t="s">
        <v>19</v>
      </c>
      <c r="I40" s="13"/>
      <c r="J40" s="19" t="s">
        <v>88</v>
      </c>
      <c r="K40" s="13" t="s">
        <v>89</v>
      </c>
      <c r="L40" s="20"/>
      <c r="M40" s="20"/>
      <c r="N40" s="20">
        <v>4</v>
      </c>
      <c r="O40" s="20">
        <v>460</v>
      </c>
      <c r="P40" s="20"/>
      <c r="Q40" s="21">
        <v>36</v>
      </c>
      <c r="R40" s="22">
        <v>460</v>
      </c>
    </row>
    <row r="41" spans="1:18" s="2" customFormat="1" ht="27" customHeight="1">
      <c r="A41" s="18" t="s">
        <v>216</v>
      </c>
      <c r="B41" s="13" t="s">
        <v>30</v>
      </c>
      <c r="C41" s="13" t="s">
        <v>18</v>
      </c>
      <c r="D41" s="13" t="s">
        <v>18</v>
      </c>
      <c r="E41" s="13" t="s">
        <v>18</v>
      </c>
      <c r="F41" s="13" t="s">
        <v>18</v>
      </c>
      <c r="G41" s="13" t="s">
        <v>18</v>
      </c>
      <c r="H41" s="13" t="s">
        <v>19</v>
      </c>
      <c r="I41" s="13" t="s">
        <v>18</v>
      </c>
      <c r="J41" s="26" t="s">
        <v>218</v>
      </c>
      <c r="K41" s="25" t="s">
        <v>219</v>
      </c>
      <c r="L41" s="20"/>
      <c r="M41" s="20"/>
      <c r="N41" s="20" t="s">
        <v>220</v>
      </c>
      <c r="O41" s="20" t="s">
        <v>221</v>
      </c>
      <c r="P41" s="20"/>
      <c r="Q41" s="21">
        <v>71</v>
      </c>
      <c r="R41" s="22">
        <v>188</v>
      </c>
    </row>
    <row r="42" spans="1:18" s="2" customFormat="1" ht="27" customHeight="1">
      <c r="A42" s="18" t="s">
        <v>217</v>
      </c>
      <c r="B42" s="13" t="s">
        <v>18</v>
      </c>
      <c r="C42" s="13" t="s">
        <v>18</v>
      </c>
      <c r="D42" s="13" t="s">
        <v>18</v>
      </c>
      <c r="E42" s="13" t="s">
        <v>18</v>
      </c>
      <c r="F42" s="13" t="s">
        <v>18</v>
      </c>
      <c r="G42" s="13" t="s">
        <v>18</v>
      </c>
      <c r="H42" s="13" t="s">
        <v>19</v>
      </c>
      <c r="I42" s="13"/>
      <c r="J42" s="26"/>
      <c r="K42" s="25"/>
      <c r="L42" s="20"/>
      <c r="M42" s="20"/>
      <c r="N42" s="20"/>
      <c r="O42" s="20"/>
      <c r="P42" s="20" t="s">
        <v>222</v>
      </c>
      <c r="Q42" s="21">
        <v>71</v>
      </c>
      <c r="R42" s="22">
        <v>927</v>
      </c>
    </row>
    <row r="43" spans="1:18" s="2" customFormat="1" ht="27" customHeight="1">
      <c r="A43" s="18" t="s">
        <v>90</v>
      </c>
      <c r="B43" s="13" t="s">
        <v>30</v>
      </c>
      <c r="C43" s="13" t="s">
        <v>18</v>
      </c>
      <c r="D43" s="13" t="s">
        <v>18</v>
      </c>
      <c r="E43" s="13" t="s">
        <v>18</v>
      </c>
      <c r="F43" s="13" t="s">
        <v>18</v>
      </c>
      <c r="G43" s="13" t="s">
        <v>18</v>
      </c>
      <c r="H43" s="13" t="s">
        <v>19</v>
      </c>
      <c r="I43" s="13" t="s">
        <v>18</v>
      </c>
      <c r="J43" s="19" t="s">
        <v>91</v>
      </c>
      <c r="K43" s="13" t="s">
        <v>92</v>
      </c>
      <c r="L43" s="20"/>
      <c r="M43" s="20"/>
      <c r="N43" s="20"/>
      <c r="O43" s="20">
        <v>152</v>
      </c>
      <c r="P43" s="20"/>
      <c r="Q43" s="21">
        <v>20</v>
      </c>
      <c r="R43" s="22">
        <v>152</v>
      </c>
    </row>
    <row r="44" spans="1:18" s="2" customFormat="1" ht="27" customHeight="1">
      <c r="A44" s="18" t="s">
        <v>93</v>
      </c>
      <c r="B44" s="13" t="s">
        <v>30</v>
      </c>
      <c r="C44" s="13" t="s">
        <v>18</v>
      </c>
      <c r="D44" s="13" t="s">
        <v>18</v>
      </c>
      <c r="E44" s="13" t="s">
        <v>19</v>
      </c>
      <c r="F44" s="13" t="s">
        <v>18</v>
      </c>
      <c r="G44" s="13" t="s">
        <v>18</v>
      </c>
      <c r="H44" s="13" t="s">
        <v>19</v>
      </c>
      <c r="I44" s="13" t="s">
        <v>18</v>
      </c>
      <c r="J44" s="19" t="s">
        <v>94</v>
      </c>
      <c r="K44" s="13" t="s">
        <v>95</v>
      </c>
      <c r="L44" s="20"/>
      <c r="M44" s="20"/>
      <c r="N44" s="20"/>
      <c r="O44" s="20">
        <v>231</v>
      </c>
      <c r="P44" s="20"/>
      <c r="Q44" s="21">
        <v>3.6</v>
      </c>
      <c r="R44" s="22">
        <v>231</v>
      </c>
    </row>
    <row r="45" spans="1:18" s="2" customFormat="1" ht="27" customHeight="1">
      <c r="A45" s="18" t="s">
        <v>232</v>
      </c>
      <c r="B45" s="13" t="s">
        <v>30</v>
      </c>
      <c r="C45" s="13" t="s">
        <v>18</v>
      </c>
      <c r="D45" s="13" t="s">
        <v>18</v>
      </c>
      <c r="E45" s="13" t="s">
        <v>31</v>
      </c>
      <c r="F45" s="13" t="s">
        <v>18</v>
      </c>
      <c r="G45" s="13" t="s">
        <v>18</v>
      </c>
      <c r="H45" s="13" t="s">
        <v>19</v>
      </c>
      <c r="I45" s="13" t="s">
        <v>18</v>
      </c>
      <c r="J45" s="26" t="s">
        <v>96</v>
      </c>
      <c r="K45" s="25" t="s">
        <v>97</v>
      </c>
      <c r="L45" s="20">
        <v>636</v>
      </c>
      <c r="M45" s="20">
        <v>346</v>
      </c>
      <c r="N45" s="20">
        <v>16</v>
      </c>
      <c r="O45" s="20">
        <v>587</v>
      </c>
      <c r="P45" s="20"/>
      <c r="Q45" s="21">
        <v>5.3</v>
      </c>
      <c r="R45" s="22" t="s">
        <v>98</v>
      </c>
    </row>
    <row r="46" spans="1:18" s="2" customFormat="1" ht="26.4" customHeight="1">
      <c r="A46" s="18" t="s">
        <v>233</v>
      </c>
      <c r="B46" s="13" t="s">
        <v>18</v>
      </c>
      <c r="C46" s="13" t="s">
        <v>18</v>
      </c>
      <c r="D46" s="13" t="s">
        <v>18</v>
      </c>
      <c r="E46" s="13" t="s">
        <v>19</v>
      </c>
      <c r="F46" s="13" t="s">
        <v>18</v>
      </c>
      <c r="G46" s="13" t="s">
        <v>18</v>
      </c>
      <c r="H46" s="13" t="s">
        <v>18</v>
      </c>
      <c r="I46" s="13"/>
      <c r="J46" s="26"/>
      <c r="K46" s="25"/>
      <c r="L46" s="20"/>
      <c r="M46" s="20"/>
      <c r="N46" s="20"/>
      <c r="O46" s="20"/>
      <c r="P46" s="20">
        <v>13600</v>
      </c>
      <c r="Q46" s="21">
        <v>4.7</v>
      </c>
      <c r="R46" s="22">
        <v>12240</v>
      </c>
    </row>
    <row r="47" spans="1:18" s="2" customFormat="1" ht="27" customHeight="1">
      <c r="A47" s="18" t="s">
        <v>99</v>
      </c>
      <c r="B47" s="13" t="s">
        <v>30</v>
      </c>
      <c r="C47" s="13" t="s">
        <v>18</v>
      </c>
      <c r="D47" s="13" t="s">
        <v>18</v>
      </c>
      <c r="E47" s="13" t="s">
        <v>19</v>
      </c>
      <c r="F47" s="13" t="s">
        <v>18</v>
      </c>
      <c r="G47" s="13" t="s">
        <v>18</v>
      </c>
      <c r="H47" s="13" t="s">
        <v>19</v>
      </c>
      <c r="I47" s="13" t="s">
        <v>18</v>
      </c>
      <c r="J47" s="19" t="s">
        <v>100</v>
      </c>
      <c r="K47" s="13" t="s">
        <v>101</v>
      </c>
      <c r="L47" s="20"/>
      <c r="M47" s="20"/>
      <c r="N47" s="20"/>
      <c r="O47" s="20">
        <v>83</v>
      </c>
      <c r="P47" s="20"/>
      <c r="Q47" s="21">
        <v>4.8</v>
      </c>
      <c r="R47" s="22">
        <v>83</v>
      </c>
    </row>
    <row r="48" spans="1:18" s="2" customFormat="1" ht="26.4" customHeight="1">
      <c r="A48" s="18" t="s">
        <v>102</v>
      </c>
      <c r="B48" s="13" t="s">
        <v>30</v>
      </c>
      <c r="C48" s="13" t="s">
        <v>18</v>
      </c>
      <c r="D48" s="13" t="s">
        <v>18</v>
      </c>
      <c r="E48" s="13" t="s">
        <v>18</v>
      </c>
      <c r="F48" s="13" t="s">
        <v>18</v>
      </c>
      <c r="G48" s="13" t="s">
        <v>18</v>
      </c>
      <c r="H48" s="13" t="s">
        <v>19</v>
      </c>
      <c r="I48" s="13" t="s">
        <v>18</v>
      </c>
      <c r="J48" s="19" t="s">
        <v>103</v>
      </c>
      <c r="K48" s="13" t="s">
        <v>104</v>
      </c>
      <c r="L48" s="20"/>
      <c r="M48" s="20"/>
      <c r="N48" s="20"/>
      <c r="O48" s="20">
        <v>42</v>
      </c>
      <c r="P48" s="20"/>
      <c r="Q48" s="21">
        <v>11.2</v>
      </c>
      <c r="R48" s="22">
        <v>42</v>
      </c>
    </row>
    <row r="49" spans="1:18" s="2" customFormat="1" ht="27" customHeight="1">
      <c r="A49" s="18" t="s">
        <v>235</v>
      </c>
      <c r="B49" s="13" t="s">
        <v>30</v>
      </c>
      <c r="C49" s="13" t="s">
        <v>18</v>
      </c>
      <c r="D49" s="13" t="s">
        <v>18</v>
      </c>
      <c r="E49" s="13" t="s">
        <v>18</v>
      </c>
      <c r="F49" s="13" t="s">
        <v>18</v>
      </c>
      <c r="G49" s="13" t="s">
        <v>18</v>
      </c>
      <c r="H49" s="13" t="s">
        <v>19</v>
      </c>
      <c r="I49" s="13" t="s">
        <v>18</v>
      </c>
      <c r="J49" s="26" t="s">
        <v>105</v>
      </c>
      <c r="K49" s="25" t="s">
        <v>237</v>
      </c>
      <c r="L49" s="20">
        <v>710</v>
      </c>
      <c r="M49" s="20">
        <v>387</v>
      </c>
      <c r="N49" s="20">
        <v>12</v>
      </c>
      <c r="O49" s="20">
        <v>410</v>
      </c>
      <c r="P49" s="20"/>
      <c r="Q49" s="21">
        <v>4.9000000000000004</v>
      </c>
      <c r="R49" s="22">
        <v>797</v>
      </c>
    </row>
    <row r="50" spans="1:18" s="2" customFormat="1" ht="26.4" customHeight="1">
      <c r="A50" s="18" t="s">
        <v>236</v>
      </c>
      <c r="B50" s="13" t="s">
        <v>18</v>
      </c>
      <c r="C50" s="13" t="s">
        <v>18</v>
      </c>
      <c r="D50" s="13" t="s">
        <v>18</v>
      </c>
      <c r="E50" s="13" t="s">
        <v>19</v>
      </c>
      <c r="F50" s="13" t="s">
        <v>18</v>
      </c>
      <c r="G50" s="13" t="s">
        <v>18</v>
      </c>
      <c r="H50" s="13" t="s">
        <v>18</v>
      </c>
      <c r="I50" s="13"/>
      <c r="J50" s="26"/>
      <c r="K50" s="25"/>
      <c r="L50" s="20"/>
      <c r="M50" s="20"/>
      <c r="N50" s="20"/>
      <c r="O50" s="20"/>
      <c r="P50" s="20">
        <v>10300</v>
      </c>
      <c r="Q50" s="21">
        <v>4</v>
      </c>
      <c r="R50" s="22">
        <v>9270</v>
      </c>
    </row>
    <row r="51" spans="1:18" s="2" customFormat="1" ht="27" customHeight="1">
      <c r="A51" s="18" t="s">
        <v>234</v>
      </c>
      <c r="B51" s="13" t="s">
        <v>30</v>
      </c>
      <c r="C51" s="13" t="s">
        <v>18</v>
      </c>
      <c r="D51" s="13" t="s">
        <v>18</v>
      </c>
      <c r="E51" s="13" t="s">
        <v>18</v>
      </c>
      <c r="F51" s="13" t="s">
        <v>18</v>
      </c>
      <c r="G51" s="13" t="s">
        <v>18</v>
      </c>
      <c r="H51" s="13" t="s">
        <v>19</v>
      </c>
      <c r="I51" s="13" t="s">
        <v>18</v>
      </c>
      <c r="J51" s="26" t="s">
        <v>213</v>
      </c>
      <c r="K51" s="25" t="s">
        <v>106</v>
      </c>
      <c r="L51" s="20">
        <v>725</v>
      </c>
      <c r="M51" s="20">
        <v>395</v>
      </c>
      <c r="N51" s="20">
        <v>13</v>
      </c>
      <c r="O51" s="20">
        <v>546</v>
      </c>
      <c r="P51" s="20"/>
      <c r="Q51" s="21">
        <v>6</v>
      </c>
      <c r="R51" s="22">
        <v>941</v>
      </c>
    </row>
    <row r="52" spans="1:18" s="2" customFormat="1" ht="26.4" customHeight="1">
      <c r="A52" s="18" t="s">
        <v>107</v>
      </c>
      <c r="B52" s="13" t="s">
        <v>18</v>
      </c>
      <c r="C52" s="13" t="s">
        <v>18</v>
      </c>
      <c r="D52" s="13" t="s">
        <v>18</v>
      </c>
      <c r="E52" s="13" t="s">
        <v>18</v>
      </c>
      <c r="F52" s="13" t="s">
        <v>18</v>
      </c>
      <c r="G52" s="13" t="s">
        <v>18</v>
      </c>
      <c r="H52" s="13" t="s">
        <v>18</v>
      </c>
      <c r="I52" s="13"/>
      <c r="J52" s="26"/>
      <c r="K52" s="25"/>
      <c r="L52" s="20"/>
      <c r="M52" s="20"/>
      <c r="N52" s="20"/>
      <c r="O52" s="20"/>
      <c r="P52" s="20">
        <v>15500</v>
      </c>
      <c r="Q52" s="21">
        <v>5.3</v>
      </c>
      <c r="R52" s="22">
        <v>13950</v>
      </c>
    </row>
    <row r="53" spans="1:18" s="2" customFormat="1" ht="27.9" customHeight="1">
      <c r="A53" s="18" t="s">
        <v>108</v>
      </c>
      <c r="B53" s="13" t="s">
        <v>18</v>
      </c>
      <c r="C53" s="13" t="s">
        <v>18</v>
      </c>
      <c r="D53" s="13" t="s">
        <v>18</v>
      </c>
      <c r="E53" s="13" t="s">
        <v>18</v>
      </c>
      <c r="F53" s="13" t="s">
        <v>18</v>
      </c>
      <c r="G53" s="13" t="s">
        <v>18</v>
      </c>
      <c r="H53" s="13" t="s">
        <v>18</v>
      </c>
      <c r="I53" s="13"/>
      <c r="J53" s="19" t="s">
        <v>109</v>
      </c>
      <c r="K53" s="13" t="s">
        <v>21</v>
      </c>
      <c r="L53" s="20"/>
      <c r="M53" s="20"/>
      <c r="N53" s="20"/>
      <c r="O53" s="20"/>
      <c r="P53" s="20">
        <v>40400</v>
      </c>
      <c r="Q53" s="21" t="s">
        <v>110</v>
      </c>
      <c r="R53" s="22">
        <v>36360</v>
      </c>
    </row>
    <row r="54" spans="1:18" s="2" customFormat="1" ht="27.9" customHeight="1">
      <c r="A54" s="18" t="s">
        <v>111</v>
      </c>
      <c r="B54" s="13" t="s">
        <v>30</v>
      </c>
      <c r="C54" s="13" t="s">
        <v>18</v>
      </c>
      <c r="D54" s="13" t="s">
        <v>18</v>
      </c>
      <c r="E54" s="13" t="s">
        <v>18</v>
      </c>
      <c r="F54" s="13" t="s">
        <v>18</v>
      </c>
      <c r="G54" s="13" t="s">
        <v>18</v>
      </c>
      <c r="H54" s="13" t="s">
        <v>19</v>
      </c>
      <c r="I54" s="13" t="s">
        <v>18</v>
      </c>
      <c r="J54" s="26" t="s">
        <v>112</v>
      </c>
      <c r="K54" s="25" t="s">
        <v>113</v>
      </c>
      <c r="L54" s="20">
        <v>570</v>
      </c>
      <c r="M54" s="20">
        <v>310</v>
      </c>
      <c r="N54" s="20">
        <v>11</v>
      </c>
      <c r="O54" s="20">
        <v>407</v>
      </c>
      <c r="P54" s="20"/>
      <c r="Q54" s="21">
        <v>6.1</v>
      </c>
      <c r="R54" s="22">
        <v>717</v>
      </c>
    </row>
    <row r="55" spans="1:18" s="2" customFormat="1" ht="27.9" customHeight="1">
      <c r="A55" s="18" t="s">
        <v>114</v>
      </c>
      <c r="B55" s="13" t="s">
        <v>18</v>
      </c>
      <c r="C55" s="13" t="s">
        <v>18</v>
      </c>
      <c r="D55" s="13" t="s">
        <v>18</v>
      </c>
      <c r="E55" s="13" t="s">
        <v>18</v>
      </c>
      <c r="F55" s="13" t="s">
        <v>18</v>
      </c>
      <c r="G55" s="13" t="s">
        <v>18</v>
      </c>
      <c r="H55" s="13" t="s">
        <v>18</v>
      </c>
      <c r="I55" s="13"/>
      <c r="J55" s="26"/>
      <c r="K55" s="25"/>
      <c r="L55" s="20"/>
      <c r="M55" s="20"/>
      <c r="N55" s="20"/>
      <c r="O55" s="20"/>
      <c r="P55" s="20">
        <v>15600</v>
      </c>
      <c r="Q55" s="21">
        <v>5</v>
      </c>
      <c r="R55" s="22">
        <v>14040</v>
      </c>
    </row>
    <row r="56" spans="1:18" s="12" customFormat="1" ht="27.9" customHeight="1">
      <c r="A56" s="18" t="s">
        <v>251</v>
      </c>
      <c r="B56" s="13" t="s">
        <v>18</v>
      </c>
      <c r="C56" s="13" t="s">
        <v>18</v>
      </c>
      <c r="D56" s="13" t="s">
        <v>18</v>
      </c>
      <c r="E56" s="13" t="s">
        <v>18</v>
      </c>
      <c r="F56" s="13" t="s">
        <v>18</v>
      </c>
      <c r="G56" s="13" t="s">
        <v>18</v>
      </c>
      <c r="H56" s="13" t="s">
        <v>18</v>
      </c>
      <c r="I56" s="13"/>
      <c r="J56" s="18" t="s">
        <v>248</v>
      </c>
      <c r="K56" s="13" t="s">
        <v>249</v>
      </c>
      <c r="L56" s="20"/>
      <c r="M56" s="20"/>
      <c r="N56" s="20"/>
      <c r="O56" s="20"/>
      <c r="P56" s="20" t="s">
        <v>250</v>
      </c>
      <c r="Q56" s="21">
        <v>5</v>
      </c>
      <c r="R56" s="22">
        <v>977</v>
      </c>
    </row>
    <row r="57" spans="1:18" s="2" customFormat="1" ht="27.9" customHeight="1">
      <c r="A57" s="18" t="s">
        <v>115</v>
      </c>
      <c r="B57" s="13" t="s">
        <v>18</v>
      </c>
      <c r="C57" s="13" t="s">
        <v>18</v>
      </c>
      <c r="D57" s="13" t="s">
        <v>18</v>
      </c>
      <c r="E57" s="13" t="s">
        <v>18</v>
      </c>
      <c r="F57" s="13" t="s">
        <v>18</v>
      </c>
      <c r="G57" s="13" t="s">
        <v>18</v>
      </c>
      <c r="H57" s="13" t="s">
        <v>18</v>
      </c>
      <c r="I57" s="13"/>
      <c r="J57" s="19" t="s">
        <v>116</v>
      </c>
      <c r="K57" s="13" t="s">
        <v>21</v>
      </c>
      <c r="L57" s="20"/>
      <c r="M57" s="20"/>
      <c r="N57" s="20"/>
      <c r="O57" s="20"/>
      <c r="P57" s="20">
        <v>131400</v>
      </c>
      <c r="Q57" s="21" t="s">
        <v>117</v>
      </c>
      <c r="R57" s="22">
        <v>118260</v>
      </c>
    </row>
    <row r="58" spans="1:18" s="2" customFormat="1" ht="27.9" customHeight="1">
      <c r="A58" s="18" t="s">
        <v>118</v>
      </c>
      <c r="B58" s="13" t="s">
        <v>18</v>
      </c>
      <c r="C58" s="13" t="s">
        <v>18</v>
      </c>
      <c r="D58" s="13" t="s">
        <v>18</v>
      </c>
      <c r="E58" s="13" t="s">
        <v>19</v>
      </c>
      <c r="F58" s="13" t="s">
        <v>18</v>
      </c>
      <c r="G58" s="13" t="s">
        <v>18</v>
      </c>
      <c r="H58" s="13" t="s">
        <v>18</v>
      </c>
      <c r="I58" s="13"/>
      <c r="J58" s="19" t="s">
        <v>119</v>
      </c>
      <c r="K58" s="13" t="s">
        <v>21</v>
      </c>
      <c r="L58" s="20"/>
      <c r="M58" s="20"/>
      <c r="N58" s="20"/>
      <c r="O58" s="20"/>
      <c r="P58" s="20">
        <v>56000</v>
      </c>
      <c r="Q58" s="21" t="s">
        <v>120</v>
      </c>
      <c r="R58" s="22">
        <v>50400</v>
      </c>
    </row>
    <row r="59" spans="1:18" s="2" customFormat="1" ht="27.9" customHeight="1">
      <c r="A59" s="18" t="s">
        <v>121</v>
      </c>
      <c r="B59" s="13" t="s">
        <v>30</v>
      </c>
      <c r="C59" s="13" t="s">
        <v>18</v>
      </c>
      <c r="D59" s="13" t="s">
        <v>18</v>
      </c>
      <c r="E59" s="13" t="s">
        <v>18</v>
      </c>
      <c r="F59" s="13" t="s">
        <v>18</v>
      </c>
      <c r="G59" s="13" t="s">
        <v>18</v>
      </c>
      <c r="H59" s="13" t="s">
        <v>19</v>
      </c>
      <c r="I59" s="13" t="s">
        <v>18</v>
      </c>
      <c r="J59" s="26" t="s">
        <v>122</v>
      </c>
      <c r="K59" s="25" t="s">
        <v>123</v>
      </c>
      <c r="L59" s="20">
        <v>710</v>
      </c>
      <c r="M59" s="20">
        <v>387</v>
      </c>
      <c r="N59" s="20">
        <v>19</v>
      </c>
      <c r="O59" s="20">
        <v>713</v>
      </c>
      <c r="P59" s="20"/>
      <c r="Q59" s="21">
        <v>4.4000000000000004</v>
      </c>
      <c r="R59" s="22">
        <v>1100</v>
      </c>
    </row>
    <row r="60" spans="1:18" s="2" customFormat="1" ht="27.9" customHeight="1">
      <c r="A60" s="18" t="s">
        <v>124</v>
      </c>
      <c r="B60" s="13" t="s">
        <v>18</v>
      </c>
      <c r="C60" s="13" t="s">
        <v>18</v>
      </c>
      <c r="D60" s="13" t="s">
        <v>18</v>
      </c>
      <c r="E60" s="13" t="s">
        <v>19</v>
      </c>
      <c r="F60" s="13" t="s">
        <v>18</v>
      </c>
      <c r="G60" s="13" t="s">
        <v>18</v>
      </c>
      <c r="H60" s="13" t="s">
        <v>18</v>
      </c>
      <c r="I60" s="13"/>
      <c r="J60" s="26"/>
      <c r="K60" s="25"/>
      <c r="L60" s="20"/>
      <c r="M60" s="20"/>
      <c r="N60" s="20"/>
      <c r="O60" s="20"/>
      <c r="P60" s="20">
        <v>10800</v>
      </c>
      <c r="Q60" s="21">
        <v>4.9000000000000004</v>
      </c>
      <c r="R60" s="22">
        <v>9720</v>
      </c>
    </row>
    <row r="61" spans="1:18" s="2" customFormat="1" ht="27.9" customHeight="1">
      <c r="A61" s="18" t="s">
        <v>125</v>
      </c>
      <c r="B61" s="13" t="s">
        <v>18</v>
      </c>
      <c r="C61" s="13" t="s">
        <v>18</v>
      </c>
      <c r="D61" s="13" t="s">
        <v>18</v>
      </c>
      <c r="E61" s="13" t="s">
        <v>18</v>
      </c>
      <c r="F61" s="13" t="s">
        <v>18</v>
      </c>
      <c r="G61" s="13" t="s">
        <v>18</v>
      </c>
      <c r="H61" s="13" t="s">
        <v>18</v>
      </c>
      <c r="I61" s="13"/>
      <c r="J61" s="19" t="s">
        <v>126</v>
      </c>
      <c r="K61" s="13" t="s">
        <v>21</v>
      </c>
      <c r="L61" s="20"/>
      <c r="M61" s="20"/>
      <c r="N61" s="20"/>
      <c r="O61" s="20"/>
      <c r="P61" s="20">
        <v>107700</v>
      </c>
      <c r="Q61" s="21">
        <v>7.1</v>
      </c>
      <c r="R61" s="22">
        <v>96930</v>
      </c>
    </row>
    <row r="62" spans="1:18" s="2" customFormat="1" ht="27.9" customHeight="1">
      <c r="A62" s="18" t="s">
        <v>127</v>
      </c>
      <c r="B62" s="13" t="s">
        <v>30</v>
      </c>
      <c r="C62" s="13" t="s">
        <v>18</v>
      </c>
      <c r="D62" s="13" t="s">
        <v>18</v>
      </c>
      <c r="E62" s="13" t="s">
        <v>18</v>
      </c>
      <c r="F62" s="13" t="s">
        <v>18</v>
      </c>
      <c r="G62" s="13" t="s">
        <v>18</v>
      </c>
      <c r="H62" s="13" t="s">
        <v>19</v>
      </c>
      <c r="I62" s="13" t="s">
        <v>18</v>
      </c>
      <c r="J62" s="26" t="s">
        <v>128</v>
      </c>
      <c r="K62" s="25" t="s">
        <v>129</v>
      </c>
      <c r="L62" s="20">
        <v>711</v>
      </c>
      <c r="M62" s="20">
        <v>387</v>
      </c>
      <c r="N62" s="20">
        <v>22</v>
      </c>
      <c r="O62" s="20">
        <v>888</v>
      </c>
      <c r="P62" s="20"/>
      <c r="Q62" s="21">
        <v>5.4</v>
      </c>
      <c r="R62" s="22">
        <v>1275</v>
      </c>
    </row>
    <row r="63" spans="1:18" s="2" customFormat="1" ht="27.9" customHeight="1">
      <c r="A63" s="18" t="s">
        <v>130</v>
      </c>
      <c r="B63" s="13" t="s">
        <v>18</v>
      </c>
      <c r="C63" s="13" t="s">
        <v>18</v>
      </c>
      <c r="D63" s="13" t="s">
        <v>18</v>
      </c>
      <c r="E63" s="13" t="s">
        <v>18</v>
      </c>
      <c r="F63" s="13" t="s">
        <v>18</v>
      </c>
      <c r="G63" s="13" t="s">
        <v>18</v>
      </c>
      <c r="H63" s="13" t="s">
        <v>18</v>
      </c>
      <c r="I63" s="13"/>
      <c r="J63" s="26"/>
      <c r="K63" s="25"/>
      <c r="L63" s="20"/>
      <c r="M63" s="20"/>
      <c r="N63" s="20"/>
      <c r="O63" s="20"/>
      <c r="P63" s="20">
        <v>16100</v>
      </c>
      <c r="Q63" s="21">
        <v>4.5</v>
      </c>
      <c r="R63" s="22">
        <v>14490</v>
      </c>
    </row>
    <row r="64" spans="1:18" s="2" customFormat="1" ht="27.9" customHeight="1">
      <c r="A64" s="18" t="s">
        <v>131</v>
      </c>
      <c r="B64" s="13" t="s">
        <v>30</v>
      </c>
      <c r="C64" s="13" t="s">
        <v>18</v>
      </c>
      <c r="D64" s="13" t="s">
        <v>18</v>
      </c>
      <c r="E64" s="13" t="s">
        <v>18</v>
      </c>
      <c r="F64" s="13" t="s">
        <v>18</v>
      </c>
      <c r="G64" s="13" t="s">
        <v>18</v>
      </c>
      <c r="H64" s="13" t="s">
        <v>19</v>
      </c>
      <c r="I64" s="13" t="s">
        <v>18</v>
      </c>
      <c r="J64" s="26" t="s">
        <v>132</v>
      </c>
      <c r="K64" s="25" t="s">
        <v>133</v>
      </c>
      <c r="L64" s="20">
        <v>658</v>
      </c>
      <c r="M64" s="20">
        <v>359</v>
      </c>
      <c r="N64" s="20">
        <v>28</v>
      </c>
      <c r="O64" s="20">
        <v>1143</v>
      </c>
      <c r="P64" s="20"/>
      <c r="Q64" s="21">
        <v>3.3</v>
      </c>
      <c r="R64" s="22">
        <v>1502</v>
      </c>
    </row>
    <row r="65" spans="1:18" s="2" customFormat="1" ht="27.9" customHeight="1">
      <c r="A65" s="18" t="s">
        <v>134</v>
      </c>
      <c r="B65" s="13" t="s">
        <v>18</v>
      </c>
      <c r="C65" s="13" t="s">
        <v>18</v>
      </c>
      <c r="D65" s="13" t="s">
        <v>18</v>
      </c>
      <c r="E65" s="13" t="s">
        <v>18</v>
      </c>
      <c r="F65" s="13" t="s">
        <v>18</v>
      </c>
      <c r="G65" s="13" t="s">
        <v>18</v>
      </c>
      <c r="H65" s="13" t="s">
        <v>18</v>
      </c>
      <c r="I65" s="13"/>
      <c r="J65" s="26"/>
      <c r="K65" s="25"/>
      <c r="L65" s="20"/>
      <c r="M65" s="20"/>
      <c r="N65" s="20"/>
      <c r="O65" s="20"/>
      <c r="P65" s="20">
        <v>11300</v>
      </c>
      <c r="Q65" s="21">
        <v>3.5</v>
      </c>
      <c r="R65" s="22">
        <v>10170</v>
      </c>
    </row>
    <row r="66" spans="1:18" s="2" customFormat="1" ht="27.9" customHeight="1">
      <c r="A66" s="18" t="s">
        <v>135</v>
      </c>
      <c r="B66" s="13" t="s">
        <v>18</v>
      </c>
      <c r="C66" s="13" t="s">
        <v>18</v>
      </c>
      <c r="D66" s="13" t="s">
        <v>18</v>
      </c>
      <c r="E66" s="13" t="s">
        <v>18</v>
      </c>
      <c r="F66" s="13" t="s">
        <v>18</v>
      </c>
      <c r="G66" s="13" t="s">
        <v>18</v>
      </c>
      <c r="H66" s="13" t="s">
        <v>18</v>
      </c>
      <c r="I66" s="13"/>
      <c r="J66" s="19" t="s">
        <v>136</v>
      </c>
      <c r="K66" s="13" t="s">
        <v>21</v>
      </c>
      <c r="L66" s="20"/>
      <c r="M66" s="20"/>
      <c r="N66" s="20"/>
      <c r="O66" s="20"/>
      <c r="P66" s="20">
        <v>21400</v>
      </c>
      <c r="Q66" s="21" t="s">
        <v>137</v>
      </c>
      <c r="R66" s="22">
        <v>19260</v>
      </c>
    </row>
    <row r="67" spans="1:18" s="2" customFormat="1" ht="16.5">
      <c r="A67" s="18" t="s">
        <v>138</v>
      </c>
      <c r="B67" s="13" t="s">
        <v>30</v>
      </c>
      <c r="C67" s="13" t="s">
        <v>18</v>
      </c>
      <c r="D67" s="13" t="s">
        <v>18</v>
      </c>
      <c r="E67" s="13" t="s">
        <v>18</v>
      </c>
      <c r="F67" s="13" t="s">
        <v>18</v>
      </c>
      <c r="G67" s="13" t="s">
        <v>18</v>
      </c>
      <c r="H67" s="13" t="s">
        <v>19</v>
      </c>
      <c r="I67" s="13" t="s">
        <v>18</v>
      </c>
      <c r="J67" s="19" t="s">
        <v>139</v>
      </c>
      <c r="K67" s="13" t="s">
        <v>140</v>
      </c>
      <c r="L67" s="20"/>
      <c r="M67" s="20"/>
      <c r="N67" s="20"/>
      <c r="O67" s="20">
        <v>466</v>
      </c>
      <c r="P67" s="20"/>
      <c r="Q67" s="21">
        <v>4.4000000000000004</v>
      </c>
      <c r="R67" s="22">
        <v>466</v>
      </c>
    </row>
    <row r="68" spans="1:18" s="2" customFormat="1" ht="42.75" customHeight="1">
      <c r="A68" s="18" t="s">
        <v>238</v>
      </c>
      <c r="B68" s="13" t="s">
        <v>30</v>
      </c>
      <c r="C68" s="13" t="s">
        <v>18</v>
      </c>
      <c r="D68" s="13" t="s">
        <v>18</v>
      </c>
      <c r="E68" s="13" t="s">
        <v>18</v>
      </c>
      <c r="F68" s="13" t="s">
        <v>18</v>
      </c>
      <c r="G68" s="13" t="s">
        <v>18</v>
      </c>
      <c r="H68" s="13" t="s">
        <v>19</v>
      </c>
      <c r="I68" s="13" t="s">
        <v>18</v>
      </c>
      <c r="J68" s="26" t="s">
        <v>141</v>
      </c>
      <c r="K68" s="25" t="s">
        <v>240</v>
      </c>
      <c r="L68" s="20">
        <v>621</v>
      </c>
      <c r="M68" s="20">
        <v>338</v>
      </c>
      <c r="N68" s="20">
        <v>29</v>
      </c>
      <c r="O68" s="20">
        <v>1140</v>
      </c>
      <c r="P68" s="20"/>
      <c r="Q68" s="21">
        <v>4.9000000000000004</v>
      </c>
      <c r="R68" s="22">
        <v>1478</v>
      </c>
    </row>
    <row r="69" spans="1:18" s="2" customFormat="1" ht="42.75" customHeight="1">
      <c r="A69" s="18" t="s">
        <v>239</v>
      </c>
      <c r="B69" s="13" t="s">
        <v>18</v>
      </c>
      <c r="C69" s="13" t="s">
        <v>18</v>
      </c>
      <c r="D69" s="13" t="s">
        <v>18</v>
      </c>
      <c r="E69" s="13" t="s">
        <v>18</v>
      </c>
      <c r="F69" s="13" t="s">
        <v>18</v>
      </c>
      <c r="G69" s="13" t="s">
        <v>18</v>
      </c>
      <c r="H69" s="13" t="s">
        <v>18</v>
      </c>
      <c r="I69" s="13"/>
      <c r="J69" s="26"/>
      <c r="K69" s="25"/>
      <c r="L69" s="20"/>
      <c r="M69" s="20"/>
      <c r="N69" s="20"/>
      <c r="O69" s="20"/>
      <c r="P69" s="20">
        <v>11700</v>
      </c>
      <c r="Q69" s="21">
        <v>5.4</v>
      </c>
      <c r="R69" s="22">
        <v>10530</v>
      </c>
    </row>
    <row r="70" spans="1:18" s="2" customFormat="1" ht="27.9" customHeight="1">
      <c r="A70" s="18" t="s">
        <v>142</v>
      </c>
      <c r="B70" s="13" t="s">
        <v>30</v>
      </c>
      <c r="C70" s="13" t="s">
        <v>18</v>
      </c>
      <c r="D70" s="13" t="s">
        <v>18</v>
      </c>
      <c r="E70" s="13" t="s">
        <v>18</v>
      </c>
      <c r="F70" s="13" t="s">
        <v>18</v>
      </c>
      <c r="G70" s="13" t="s">
        <v>18</v>
      </c>
      <c r="H70" s="13" t="s">
        <v>19</v>
      </c>
      <c r="I70" s="13" t="s">
        <v>18</v>
      </c>
      <c r="J70" s="26" t="s">
        <v>143</v>
      </c>
      <c r="K70" s="25" t="s">
        <v>144</v>
      </c>
      <c r="L70" s="20">
        <v>720</v>
      </c>
      <c r="M70" s="20">
        <v>392</v>
      </c>
      <c r="N70" s="20">
        <v>31</v>
      </c>
      <c r="O70" s="20">
        <v>1303</v>
      </c>
      <c r="P70" s="20"/>
      <c r="Q70" s="21">
        <v>6.1</v>
      </c>
      <c r="R70" s="22">
        <v>1695</v>
      </c>
    </row>
    <row r="71" spans="1:18" s="2" customFormat="1" ht="27.9" customHeight="1">
      <c r="A71" s="18" t="s">
        <v>145</v>
      </c>
      <c r="B71" s="13" t="s">
        <v>18</v>
      </c>
      <c r="C71" s="13" t="s">
        <v>18</v>
      </c>
      <c r="D71" s="13" t="s">
        <v>18</v>
      </c>
      <c r="E71" s="13" t="s">
        <v>18</v>
      </c>
      <c r="F71" s="13" t="s">
        <v>18</v>
      </c>
      <c r="G71" s="13" t="s">
        <v>18</v>
      </c>
      <c r="H71" s="13" t="s">
        <v>18</v>
      </c>
      <c r="I71" s="13"/>
      <c r="J71" s="26"/>
      <c r="K71" s="25"/>
      <c r="L71" s="20"/>
      <c r="M71" s="20"/>
      <c r="N71" s="20"/>
      <c r="O71" s="20"/>
      <c r="P71" s="20">
        <v>19400</v>
      </c>
      <c r="Q71" s="21">
        <v>4.8</v>
      </c>
      <c r="R71" s="22">
        <v>17460</v>
      </c>
    </row>
    <row r="72" spans="1:18" s="2" customFormat="1" ht="27.9" customHeight="1">
      <c r="A72" s="18" t="s">
        <v>146</v>
      </c>
      <c r="B72" s="13" t="s">
        <v>18</v>
      </c>
      <c r="C72" s="13" t="s">
        <v>18</v>
      </c>
      <c r="D72" s="13" t="s">
        <v>18</v>
      </c>
      <c r="E72" s="13" t="s">
        <v>18</v>
      </c>
      <c r="F72" s="13" t="s">
        <v>18</v>
      </c>
      <c r="G72" s="13" t="s">
        <v>18</v>
      </c>
      <c r="H72" s="13" t="s">
        <v>18</v>
      </c>
      <c r="I72" s="13"/>
      <c r="J72" s="19" t="s">
        <v>147</v>
      </c>
      <c r="K72" s="13" t="s">
        <v>21</v>
      </c>
      <c r="L72" s="20"/>
      <c r="M72" s="20"/>
      <c r="N72" s="20"/>
      <c r="O72" s="20"/>
      <c r="P72" s="20">
        <v>76600</v>
      </c>
      <c r="Q72" s="21" t="s">
        <v>148</v>
      </c>
      <c r="R72" s="22">
        <v>68940</v>
      </c>
    </row>
    <row r="73" spans="1:18" s="2" customFormat="1" ht="27.9" customHeight="1">
      <c r="A73" s="18" t="s">
        <v>149</v>
      </c>
      <c r="B73" s="13" t="s">
        <v>30</v>
      </c>
      <c r="C73" s="13" t="s">
        <v>18</v>
      </c>
      <c r="D73" s="13" t="s">
        <v>18</v>
      </c>
      <c r="E73" s="13" t="s">
        <v>31</v>
      </c>
      <c r="F73" s="13" t="s">
        <v>18</v>
      </c>
      <c r="G73" s="13" t="s">
        <v>18</v>
      </c>
      <c r="H73" s="13" t="s">
        <v>19</v>
      </c>
      <c r="I73" s="13" t="s">
        <v>18</v>
      </c>
      <c r="J73" s="26" t="s">
        <v>150</v>
      </c>
      <c r="K73" s="25" t="s">
        <v>151</v>
      </c>
      <c r="L73" s="20">
        <v>594</v>
      </c>
      <c r="M73" s="20">
        <v>324</v>
      </c>
      <c r="N73" s="20">
        <v>39</v>
      </c>
      <c r="O73" s="20">
        <v>1523</v>
      </c>
      <c r="P73" s="20"/>
      <c r="Q73" s="21">
        <v>5.0999999999999996</v>
      </c>
      <c r="R73" s="22" t="s">
        <v>152</v>
      </c>
    </row>
    <row r="74" spans="1:18" s="2" customFormat="1" ht="27.9" customHeight="1">
      <c r="A74" s="18" t="s">
        <v>153</v>
      </c>
      <c r="B74" s="13" t="s">
        <v>18</v>
      </c>
      <c r="C74" s="13" t="s">
        <v>18</v>
      </c>
      <c r="D74" s="13" t="s">
        <v>18</v>
      </c>
      <c r="E74" s="13" t="s">
        <v>19</v>
      </c>
      <c r="F74" s="13" t="s">
        <v>18</v>
      </c>
      <c r="G74" s="13" t="s">
        <v>18</v>
      </c>
      <c r="H74" s="13" t="s">
        <v>18</v>
      </c>
      <c r="I74" s="13"/>
      <c r="J74" s="26"/>
      <c r="K74" s="25"/>
      <c r="L74" s="20"/>
      <c r="M74" s="20"/>
      <c r="N74" s="20"/>
      <c r="O74" s="20"/>
      <c r="P74" s="20">
        <v>14500</v>
      </c>
      <c r="Q74" s="21">
        <v>3.6</v>
      </c>
      <c r="R74" s="22">
        <v>13050</v>
      </c>
    </row>
    <row r="75" spans="1:18" s="2" customFormat="1" ht="27.9" customHeight="1">
      <c r="A75" s="18" t="s">
        <v>154</v>
      </c>
      <c r="B75" s="13" t="s">
        <v>18</v>
      </c>
      <c r="C75" s="13" t="s">
        <v>18</v>
      </c>
      <c r="D75" s="13" t="s">
        <v>18</v>
      </c>
      <c r="E75" s="13" t="s">
        <v>19</v>
      </c>
      <c r="F75" s="13" t="s">
        <v>18</v>
      </c>
      <c r="G75" s="13" t="s">
        <v>18</v>
      </c>
      <c r="H75" s="13" t="s">
        <v>18</v>
      </c>
      <c r="I75" s="13"/>
      <c r="J75" s="19" t="s">
        <v>155</v>
      </c>
      <c r="K75" s="13" t="s">
        <v>21</v>
      </c>
      <c r="L75" s="20"/>
      <c r="M75" s="20"/>
      <c r="N75" s="20"/>
      <c r="O75" s="20"/>
      <c r="P75" s="20">
        <v>27200</v>
      </c>
      <c r="Q75" s="21" t="s">
        <v>156</v>
      </c>
      <c r="R75" s="22">
        <v>24480</v>
      </c>
    </row>
    <row r="76" spans="1:18" s="2" customFormat="1" ht="27.9" customHeight="1">
      <c r="A76" s="18" t="s">
        <v>157</v>
      </c>
      <c r="B76" s="13" t="s">
        <v>30</v>
      </c>
      <c r="C76" s="13" t="s">
        <v>18</v>
      </c>
      <c r="D76" s="13" t="s">
        <v>18</v>
      </c>
      <c r="E76" s="13" t="s">
        <v>31</v>
      </c>
      <c r="F76" s="13" t="s">
        <v>18</v>
      </c>
      <c r="G76" s="13" t="s">
        <v>18</v>
      </c>
      <c r="H76" s="13" t="s">
        <v>19</v>
      </c>
      <c r="I76" s="13" t="s">
        <v>18</v>
      </c>
      <c r="J76" s="26" t="s">
        <v>158</v>
      </c>
      <c r="K76" s="25" t="s">
        <v>159</v>
      </c>
      <c r="L76" s="20">
        <v>1844</v>
      </c>
      <c r="M76" s="20">
        <v>1005</v>
      </c>
      <c r="N76" s="20">
        <v>52</v>
      </c>
      <c r="O76" s="20">
        <v>2007</v>
      </c>
      <c r="P76" s="20"/>
      <c r="Q76" s="21">
        <v>3.1</v>
      </c>
      <c r="R76" s="22" t="s">
        <v>160</v>
      </c>
    </row>
    <row r="77" spans="1:18" s="2" customFormat="1" ht="27.9" customHeight="1">
      <c r="A77" s="18" t="s">
        <v>161</v>
      </c>
      <c r="B77" s="13" t="s">
        <v>18</v>
      </c>
      <c r="C77" s="13" t="s">
        <v>18</v>
      </c>
      <c r="D77" s="13" t="s">
        <v>18</v>
      </c>
      <c r="E77" s="13" t="s">
        <v>19</v>
      </c>
      <c r="F77" s="13" t="s">
        <v>18</v>
      </c>
      <c r="G77" s="13" t="s">
        <v>18</v>
      </c>
      <c r="H77" s="13" t="s">
        <v>18</v>
      </c>
      <c r="I77" s="13"/>
      <c r="J77" s="26"/>
      <c r="K77" s="25"/>
      <c r="L77" s="20"/>
      <c r="M77" s="20"/>
      <c r="N77" s="20"/>
      <c r="O77" s="20"/>
      <c r="P77" s="20">
        <v>41500</v>
      </c>
      <c r="Q77" s="21">
        <v>3.4</v>
      </c>
      <c r="R77" s="22">
        <v>37350</v>
      </c>
    </row>
    <row r="78" spans="1:18" s="2" customFormat="1" ht="27.9" customHeight="1">
      <c r="A78" s="18" t="s">
        <v>162</v>
      </c>
      <c r="B78" s="13" t="s">
        <v>30</v>
      </c>
      <c r="C78" s="13" t="s">
        <v>18</v>
      </c>
      <c r="D78" s="13" t="s">
        <v>18</v>
      </c>
      <c r="E78" s="13" t="s">
        <v>31</v>
      </c>
      <c r="F78" s="13" t="s">
        <v>18</v>
      </c>
      <c r="G78" s="13" t="s">
        <v>18</v>
      </c>
      <c r="H78" s="13" t="s">
        <v>19</v>
      </c>
      <c r="I78" s="13" t="s">
        <v>18</v>
      </c>
      <c r="J78" s="26" t="s">
        <v>163</v>
      </c>
      <c r="K78" s="25" t="s">
        <v>164</v>
      </c>
      <c r="L78" s="20">
        <v>928</v>
      </c>
      <c r="M78" s="20">
        <v>505</v>
      </c>
      <c r="N78" s="20">
        <v>34</v>
      </c>
      <c r="O78" s="20">
        <v>1403</v>
      </c>
      <c r="P78" s="20"/>
      <c r="Q78" s="21">
        <v>3.9</v>
      </c>
      <c r="R78" s="22" t="s">
        <v>165</v>
      </c>
    </row>
    <row r="79" spans="1:18" s="2" customFormat="1" ht="27.9" customHeight="1">
      <c r="A79" s="18" t="s">
        <v>166</v>
      </c>
      <c r="B79" s="13" t="s">
        <v>18</v>
      </c>
      <c r="C79" s="13" t="s">
        <v>18</v>
      </c>
      <c r="D79" s="13" t="s">
        <v>18</v>
      </c>
      <c r="E79" s="13" t="s">
        <v>19</v>
      </c>
      <c r="F79" s="13" t="s">
        <v>18</v>
      </c>
      <c r="G79" s="13" t="s">
        <v>18</v>
      </c>
      <c r="H79" s="13" t="s">
        <v>18</v>
      </c>
      <c r="I79" s="13"/>
      <c r="J79" s="26"/>
      <c r="K79" s="25"/>
      <c r="L79" s="20"/>
      <c r="M79" s="20"/>
      <c r="N79" s="20"/>
      <c r="O79" s="20"/>
      <c r="P79" s="20">
        <v>14800</v>
      </c>
      <c r="Q79" s="21">
        <v>1.8</v>
      </c>
      <c r="R79" s="22">
        <v>13320</v>
      </c>
    </row>
    <row r="80" spans="1:18" s="2" customFormat="1" ht="27.9" customHeight="1">
      <c r="A80" s="18" t="s">
        <v>167</v>
      </c>
      <c r="B80" s="13" t="s">
        <v>18</v>
      </c>
      <c r="C80" s="13" t="s">
        <v>18</v>
      </c>
      <c r="D80" s="13" t="s">
        <v>18</v>
      </c>
      <c r="E80" s="13" t="s">
        <v>19</v>
      </c>
      <c r="F80" s="13" t="s">
        <v>18</v>
      </c>
      <c r="G80" s="13" t="s">
        <v>18</v>
      </c>
      <c r="H80" s="13" t="s">
        <v>18</v>
      </c>
      <c r="I80" s="13"/>
      <c r="J80" s="19" t="s">
        <v>168</v>
      </c>
      <c r="K80" s="13" t="s">
        <v>21</v>
      </c>
      <c r="L80" s="20"/>
      <c r="M80" s="20"/>
      <c r="N80" s="20"/>
      <c r="O80" s="20"/>
      <c r="P80" s="20">
        <v>37200</v>
      </c>
      <c r="Q80" s="21" t="s">
        <v>169</v>
      </c>
      <c r="R80" s="22">
        <v>33480</v>
      </c>
    </row>
    <row r="81" spans="1:18" s="2" customFormat="1" ht="33">
      <c r="A81" s="18" t="s">
        <v>170</v>
      </c>
      <c r="B81" s="13" t="s">
        <v>18</v>
      </c>
      <c r="C81" s="13" t="s">
        <v>18</v>
      </c>
      <c r="D81" s="13" t="s">
        <v>18</v>
      </c>
      <c r="E81" s="13" t="s">
        <v>19</v>
      </c>
      <c r="F81" s="13" t="s">
        <v>18</v>
      </c>
      <c r="G81" s="13" t="s">
        <v>18</v>
      </c>
      <c r="H81" s="13" t="s">
        <v>18</v>
      </c>
      <c r="I81" s="13"/>
      <c r="J81" s="19" t="s">
        <v>171</v>
      </c>
      <c r="K81" s="13" t="s">
        <v>172</v>
      </c>
      <c r="L81" s="20"/>
      <c r="M81" s="20"/>
      <c r="N81" s="20"/>
      <c r="O81" s="20"/>
      <c r="P81" s="20">
        <v>63600</v>
      </c>
      <c r="Q81" s="21">
        <v>4.2</v>
      </c>
      <c r="R81" s="22">
        <v>57240</v>
      </c>
    </row>
    <row r="82" spans="1:18" s="2" customFormat="1" ht="27.9" customHeight="1">
      <c r="A82" s="18" t="s">
        <v>173</v>
      </c>
      <c r="B82" s="13" t="s">
        <v>18</v>
      </c>
      <c r="C82" s="13" t="s">
        <v>18</v>
      </c>
      <c r="D82" s="13" t="s">
        <v>18</v>
      </c>
      <c r="E82" s="13" t="s">
        <v>19</v>
      </c>
      <c r="F82" s="13" t="s">
        <v>18</v>
      </c>
      <c r="G82" s="13" t="s">
        <v>18</v>
      </c>
      <c r="H82" s="13" t="s">
        <v>18</v>
      </c>
      <c r="I82" s="13"/>
      <c r="J82" s="19" t="s">
        <v>174</v>
      </c>
      <c r="K82" s="13" t="s">
        <v>21</v>
      </c>
      <c r="L82" s="20"/>
      <c r="M82" s="20"/>
      <c r="N82" s="20"/>
      <c r="O82" s="20"/>
      <c r="P82" s="20">
        <v>45000</v>
      </c>
      <c r="Q82" s="21" t="s">
        <v>175</v>
      </c>
      <c r="R82" s="22">
        <v>40500</v>
      </c>
    </row>
    <row r="83" spans="1:18" s="2" customFormat="1" ht="27.9" customHeight="1">
      <c r="A83" s="18" t="s">
        <v>176</v>
      </c>
      <c r="B83" s="13" t="s">
        <v>30</v>
      </c>
      <c r="C83" s="13" t="s">
        <v>18</v>
      </c>
      <c r="D83" s="13" t="s">
        <v>18</v>
      </c>
      <c r="E83" s="13" t="s">
        <v>31</v>
      </c>
      <c r="F83" s="13" t="s">
        <v>18</v>
      </c>
      <c r="G83" s="13" t="s">
        <v>18</v>
      </c>
      <c r="H83" s="13" t="s">
        <v>19</v>
      </c>
      <c r="I83" s="13" t="s">
        <v>18</v>
      </c>
      <c r="J83" s="26" t="s">
        <v>177</v>
      </c>
      <c r="K83" s="25" t="s">
        <v>178</v>
      </c>
      <c r="L83" s="20">
        <v>816</v>
      </c>
      <c r="M83" s="20">
        <v>445</v>
      </c>
      <c r="N83" s="20">
        <v>27</v>
      </c>
      <c r="O83" s="20">
        <v>1120</v>
      </c>
      <c r="P83" s="20"/>
      <c r="Q83" s="21">
        <v>5.9</v>
      </c>
      <c r="R83" s="22" t="s">
        <v>179</v>
      </c>
    </row>
    <row r="84" spans="1:18" s="2" customFormat="1" ht="27.9" customHeight="1">
      <c r="A84" s="18" t="s">
        <v>180</v>
      </c>
      <c r="B84" s="13" t="s">
        <v>18</v>
      </c>
      <c r="C84" s="13" t="s">
        <v>18</v>
      </c>
      <c r="D84" s="13" t="s">
        <v>18</v>
      </c>
      <c r="E84" s="13" t="s">
        <v>19</v>
      </c>
      <c r="F84" s="13" t="s">
        <v>18</v>
      </c>
      <c r="G84" s="13" t="s">
        <v>18</v>
      </c>
      <c r="H84" s="13" t="s">
        <v>18</v>
      </c>
      <c r="I84" s="13"/>
      <c r="J84" s="26"/>
      <c r="K84" s="25"/>
      <c r="L84" s="20"/>
      <c r="M84" s="20"/>
      <c r="N84" s="20"/>
      <c r="O84" s="20"/>
      <c r="P84" s="20">
        <v>18600</v>
      </c>
      <c r="Q84" s="21">
        <v>5.6</v>
      </c>
      <c r="R84" s="22">
        <v>16740</v>
      </c>
    </row>
    <row r="85" spans="1:18" s="2" customFormat="1" ht="27.9" customHeight="1">
      <c r="A85" s="18" t="s">
        <v>181</v>
      </c>
      <c r="B85" s="13" t="s">
        <v>30</v>
      </c>
      <c r="C85" s="13" t="s">
        <v>18</v>
      </c>
      <c r="D85" s="13" t="s">
        <v>18</v>
      </c>
      <c r="E85" s="13" t="s">
        <v>18</v>
      </c>
      <c r="F85" s="13" t="s">
        <v>18</v>
      </c>
      <c r="G85" s="13" t="s">
        <v>18</v>
      </c>
      <c r="H85" s="13" t="s">
        <v>19</v>
      </c>
      <c r="I85" s="13" t="s">
        <v>18</v>
      </c>
      <c r="J85" s="26" t="s">
        <v>182</v>
      </c>
      <c r="K85" s="25" t="s">
        <v>183</v>
      </c>
      <c r="L85" s="20">
        <v>919</v>
      </c>
      <c r="M85" s="20">
        <v>501</v>
      </c>
      <c r="N85" s="20">
        <v>41</v>
      </c>
      <c r="O85" s="20">
        <v>1552</v>
      </c>
      <c r="P85" s="20"/>
      <c r="Q85" s="21">
        <v>5.5</v>
      </c>
      <c r="R85" s="22">
        <v>2053</v>
      </c>
    </row>
    <row r="86" spans="1:18" s="2" customFormat="1" ht="27.9" customHeight="1">
      <c r="A86" s="18" t="s">
        <v>184</v>
      </c>
      <c r="B86" s="13" t="s">
        <v>18</v>
      </c>
      <c r="C86" s="13" t="s">
        <v>18</v>
      </c>
      <c r="D86" s="13" t="s">
        <v>18</v>
      </c>
      <c r="E86" s="13" t="s">
        <v>18</v>
      </c>
      <c r="F86" s="13" t="s">
        <v>18</v>
      </c>
      <c r="G86" s="13" t="s">
        <v>18</v>
      </c>
      <c r="H86" s="13" t="s">
        <v>18</v>
      </c>
      <c r="I86" s="13"/>
      <c r="J86" s="26"/>
      <c r="K86" s="25"/>
      <c r="L86" s="20"/>
      <c r="M86" s="20"/>
      <c r="N86" s="20"/>
      <c r="O86" s="20"/>
      <c r="P86" s="20">
        <v>10800</v>
      </c>
      <c r="Q86" s="21">
        <v>5.5</v>
      </c>
      <c r="R86" s="22">
        <v>9720</v>
      </c>
    </row>
    <row r="87" spans="1:18" s="2" customFormat="1" ht="27.9" customHeight="1">
      <c r="A87" s="18" t="s">
        <v>185</v>
      </c>
      <c r="B87" s="13" t="s">
        <v>18</v>
      </c>
      <c r="C87" s="13" t="s">
        <v>18</v>
      </c>
      <c r="D87" s="13" t="s">
        <v>18</v>
      </c>
      <c r="E87" s="13" t="s">
        <v>19</v>
      </c>
      <c r="F87" s="13" t="s">
        <v>18</v>
      </c>
      <c r="G87" s="13" t="s">
        <v>18</v>
      </c>
      <c r="H87" s="13" t="s">
        <v>19</v>
      </c>
      <c r="I87" s="13"/>
      <c r="J87" s="19" t="s">
        <v>186</v>
      </c>
      <c r="K87" s="13" t="s">
        <v>21</v>
      </c>
      <c r="L87" s="20"/>
      <c r="M87" s="20"/>
      <c r="N87" s="20"/>
      <c r="O87" s="20"/>
      <c r="P87" s="20">
        <v>2800</v>
      </c>
      <c r="Q87" s="21">
        <v>6.1</v>
      </c>
      <c r="R87" s="22">
        <v>2520</v>
      </c>
    </row>
    <row r="88" spans="1:18" s="2" customFormat="1" ht="27.9" customHeight="1">
      <c r="A88" s="18" t="s">
        <v>187</v>
      </c>
      <c r="B88" s="13" t="s">
        <v>30</v>
      </c>
      <c r="C88" s="13" t="s">
        <v>18</v>
      </c>
      <c r="D88" s="13" t="s">
        <v>18</v>
      </c>
      <c r="E88" s="13" t="s">
        <v>18</v>
      </c>
      <c r="F88" s="13" t="s">
        <v>18</v>
      </c>
      <c r="G88" s="13" t="s">
        <v>18</v>
      </c>
      <c r="H88" s="13" t="s">
        <v>19</v>
      </c>
      <c r="I88" s="13" t="s">
        <v>18</v>
      </c>
      <c r="J88" s="26" t="s">
        <v>188</v>
      </c>
      <c r="K88" s="25" t="s">
        <v>189</v>
      </c>
      <c r="L88" s="20">
        <v>722</v>
      </c>
      <c r="M88" s="20">
        <v>393</v>
      </c>
      <c r="N88" s="20">
        <v>35</v>
      </c>
      <c r="O88" s="20">
        <v>1418</v>
      </c>
      <c r="P88" s="20"/>
      <c r="Q88" s="21">
        <v>5.7</v>
      </c>
      <c r="R88" s="22">
        <v>1811</v>
      </c>
    </row>
    <row r="89" spans="1:18" s="2" customFormat="1" ht="27.9" customHeight="1">
      <c r="A89" s="18" t="s">
        <v>190</v>
      </c>
      <c r="B89" s="13" t="s">
        <v>18</v>
      </c>
      <c r="C89" s="13" t="s">
        <v>18</v>
      </c>
      <c r="D89" s="13" t="s">
        <v>18</v>
      </c>
      <c r="E89" s="13" t="s">
        <v>19</v>
      </c>
      <c r="F89" s="13" t="s">
        <v>18</v>
      </c>
      <c r="G89" s="13" t="s">
        <v>18</v>
      </c>
      <c r="H89" s="13" t="s">
        <v>18</v>
      </c>
      <c r="I89" s="13"/>
      <c r="J89" s="26"/>
      <c r="K89" s="25"/>
      <c r="L89" s="20"/>
      <c r="M89" s="20"/>
      <c r="N89" s="20"/>
      <c r="O89" s="20"/>
      <c r="P89" s="20">
        <v>14600</v>
      </c>
      <c r="Q89" s="21">
        <v>5.0999999999999996</v>
      </c>
      <c r="R89" s="22">
        <v>13140</v>
      </c>
    </row>
    <row r="90" spans="1:18" s="2" customFormat="1" ht="27.9" customHeight="1">
      <c r="A90" s="18" t="s">
        <v>191</v>
      </c>
      <c r="B90" s="13" t="s">
        <v>18</v>
      </c>
      <c r="C90" s="13" t="s">
        <v>18</v>
      </c>
      <c r="D90" s="13" t="s">
        <v>18</v>
      </c>
      <c r="E90" s="13" t="s">
        <v>19</v>
      </c>
      <c r="F90" s="13" t="s">
        <v>18</v>
      </c>
      <c r="G90" s="13" t="s">
        <v>18</v>
      </c>
      <c r="H90" s="13" t="s">
        <v>18</v>
      </c>
      <c r="I90" s="13"/>
      <c r="J90" s="19" t="s">
        <v>192</v>
      </c>
      <c r="K90" s="13" t="s">
        <v>193</v>
      </c>
      <c r="L90" s="20"/>
      <c r="M90" s="20"/>
      <c r="N90" s="20"/>
      <c r="O90" s="20"/>
      <c r="P90" s="20">
        <v>22100</v>
      </c>
      <c r="Q90" s="21" t="s">
        <v>194</v>
      </c>
      <c r="R90" s="22">
        <v>19890</v>
      </c>
    </row>
    <row r="91" spans="1:18" s="2" customFormat="1" ht="27.9" customHeight="1">
      <c r="A91" s="18" t="s">
        <v>208</v>
      </c>
      <c r="B91" s="13" t="s">
        <v>241</v>
      </c>
      <c r="C91" s="13" t="s">
        <v>18</v>
      </c>
      <c r="D91" s="13" t="s">
        <v>18</v>
      </c>
      <c r="E91" s="13" t="s">
        <v>31</v>
      </c>
      <c r="F91" s="13" t="s">
        <v>18</v>
      </c>
      <c r="G91" s="13" t="s">
        <v>18</v>
      </c>
      <c r="H91" s="13" t="s">
        <v>19</v>
      </c>
      <c r="I91" s="13" t="s">
        <v>210</v>
      </c>
      <c r="J91" s="19" t="s">
        <v>215</v>
      </c>
      <c r="K91" s="13" t="s">
        <v>209</v>
      </c>
      <c r="L91" s="20"/>
      <c r="M91" s="20"/>
      <c r="N91" s="20"/>
      <c r="O91" s="20" t="s">
        <v>211</v>
      </c>
      <c r="P91" s="20"/>
      <c r="Q91" s="21">
        <v>5.3</v>
      </c>
      <c r="R91" s="22" t="s">
        <v>212</v>
      </c>
    </row>
    <row r="92" spans="1:18" s="2" customFormat="1" ht="27.9" customHeight="1">
      <c r="A92" s="18" t="s">
        <v>195</v>
      </c>
      <c r="B92" s="13" t="s">
        <v>30</v>
      </c>
      <c r="C92" s="13" t="s">
        <v>18</v>
      </c>
      <c r="D92" s="13" t="s">
        <v>18</v>
      </c>
      <c r="E92" s="13" t="s">
        <v>31</v>
      </c>
      <c r="F92" s="13" t="s">
        <v>18</v>
      </c>
      <c r="G92" s="13" t="s">
        <v>18</v>
      </c>
      <c r="H92" s="13" t="s">
        <v>19</v>
      </c>
      <c r="I92" s="13" t="s">
        <v>18</v>
      </c>
      <c r="J92" s="26" t="s">
        <v>196</v>
      </c>
      <c r="K92" s="25" t="s">
        <v>197</v>
      </c>
      <c r="L92" s="20">
        <v>1952</v>
      </c>
      <c r="M92" s="20">
        <v>1063</v>
      </c>
      <c r="N92" s="20">
        <v>51</v>
      </c>
      <c r="O92" s="20">
        <v>2326</v>
      </c>
      <c r="P92" s="20"/>
      <c r="Q92" s="21">
        <v>4.5</v>
      </c>
      <c r="R92" s="22" t="s">
        <v>198</v>
      </c>
    </row>
    <row r="93" spans="1:18" s="2" customFormat="1" ht="27.9" customHeight="1">
      <c r="A93" s="18" t="s">
        <v>199</v>
      </c>
      <c r="B93" s="13" t="s">
        <v>18</v>
      </c>
      <c r="C93" s="13" t="s">
        <v>18</v>
      </c>
      <c r="D93" s="13" t="s">
        <v>18</v>
      </c>
      <c r="E93" s="13" t="s">
        <v>19</v>
      </c>
      <c r="F93" s="13" t="s">
        <v>18</v>
      </c>
      <c r="G93" s="13" t="s">
        <v>18</v>
      </c>
      <c r="H93" s="13" t="s">
        <v>18</v>
      </c>
      <c r="I93" s="13"/>
      <c r="J93" s="26"/>
      <c r="K93" s="25"/>
      <c r="L93" s="20"/>
      <c r="M93" s="20"/>
      <c r="N93" s="20"/>
      <c r="O93" s="20"/>
      <c r="P93" s="20">
        <v>35400</v>
      </c>
      <c r="Q93" s="21">
        <v>4.2</v>
      </c>
      <c r="R93" s="22">
        <v>31860</v>
      </c>
    </row>
    <row r="94" spans="1:18" s="2" customFormat="1" ht="27.9" customHeight="1">
      <c r="A94" s="18" t="s">
        <v>200</v>
      </c>
      <c r="B94" s="13" t="s">
        <v>18</v>
      </c>
      <c r="C94" s="13" t="s">
        <v>18</v>
      </c>
      <c r="D94" s="13" t="s">
        <v>18</v>
      </c>
      <c r="E94" s="13" t="s">
        <v>19</v>
      </c>
      <c r="F94" s="13" t="s">
        <v>18</v>
      </c>
      <c r="G94" s="13" t="s">
        <v>18</v>
      </c>
      <c r="H94" s="13" t="s">
        <v>18</v>
      </c>
      <c r="I94" s="13"/>
      <c r="J94" s="19" t="s">
        <v>201</v>
      </c>
      <c r="K94" s="13" t="s">
        <v>21</v>
      </c>
      <c r="L94" s="20"/>
      <c r="M94" s="20"/>
      <c r="N94" s="20"/>
      <c r="O94" s="20"/>
      <c r="P94" s="20">
        <v>15000</v>
      </c>
      <c r="Q94" s="21" t="s">
        <v>202</v>
      </c>
      <c r="R94" s="22">
        <v>13500</v>
      </c>
    </row>
    <row r="95" spans="1:18" s="2" customFormat="1" ht="27.9" customHeight="1">
      <c r="A95" s="18" t="s">
        <v>203</v>
      </c>
      <c r="B95" s="13" t="s">
        <v>30</v>
      </c>
      <c r="C95" s="13" t="s">
        <v>18</v>
      </c>
      <c r="D95" s="13" t="s">
        <v>18</v>
      </c>
      <c r="E95" s="13" t="s">
        <v>31</v>
      </c>
      <c r="F95" s="13" t="s">
        <v>18</v>
      </c>
      <c r="G95" s="13" t="s">
        <v>18</v>
      </c>
      <c r="H95" s="13" t="s">
        <v>19</v>
      </c>
      <c r="I95" s="13" t="s">
        <v>18</v>
      </c>
      <c r="J95" s="26" t="s">
        <v>204</v>
      </c>
      <c r="K95" s="25" t="s">
        <v>205</v>
      </c>
      <c r="L95" s="20">
        <v>1000</v>
      </c>
      <c r="M95" s="20">
        <v>545</v>
      </c>
      <c r="N95" s="20">
        <v>27</v>
      </c>
      <c r="O95" s="20">
        <v>1207</v>
      </c>
      <c r="P95" s="20"/>
      <c r="Q95" s="21">
        <v>4.5</v>
      </c>
      <c r="R95" s="22" t="s">
        <v>206</v>
      </c>
    </row>
    <row r="96" spans="1:18" s="2" customFormat="1" ht="27.9" customHeight="1">
      <c r="A96" s="18" t="s">
        <v>207</v>
      </c>
      <c r="B96" s="13" t="s">
        <v>18</v>
      </c>
      <c r="C96" s="13" t="s">
        <v>18</v>
      </c>
      <c r="D96" s="13" t="s">
        <v>18</v>
      </c>
      <c r="E96" s="13" t="s">
        <v>19</v>
      </c>
      <c r="F96" s="13" t="s">
        <v>18</v>
      </c>
      <c r="G96" s="13" t="s">
        <v>18</v>
      </c>
      <c r="H96" s="13" t="s">
        <v>18</v>
      </c>
      <c r="I96" s="13"/>
      <c r="J96" s="26"/>
      <c r="K96" s="25"/>
      <c r="L96" s="20"/>
      <c r="M96" s="20"/>
      <c r="N96" s="20"/>
      <c r="O96" s="20"/>
      <c r="P96" s="20">
        <v>26900</v>
      </c>
      <c r="Q96" s="21">
        <v>3.9</v>
      </c>
      <c r="R96" s="22">
        <v>24210</v>
      </c>
    </row>
    <row r="97" spans="1:18" s="2" customFormat="1" ht="27.9" customHeight="1">
      <c r="A97" s="7"/>
      <c r="B97" s="6"/>
      <c r="C97" s="6"/>
      <c r="D97" s="6"/>
      <c r="E97" s="6"/>
      <c r="F97" s="6"/>
      <c r="G97" s="6"/>
      <c r="H97" s="6"/>
      <c r="I97" s="6"/>
      <c r="J97" s="8"/>
      <c r="K97" s="6"/>
      <c r="L97" s="9"/>
      <c r="M97" s="9"/>
      <c r="N97" s="9"/>
      <c r="O97" s="9"/>
      <c r="P97" s="9"/>
      <c r="Q97" s="10"/>
      <c r="R97" s="11"/>
    </row>
  </sheetData>
  <autoFilter ref="A7:R96" xr:uid="{56C6961E-0DAC-4A15-8816-EE9E9C9E2689}"/>
  <mergeCells count="77">
    <mergeCell ref="O3:O7"/>
    <mergeCell ref="P3:P7"/>
    <mergeCell ref="A2:A7"/>
    <mergeCell ref="B2:H2"/>
    <mergeCell ref="I2:I7"/>
    <mergeCell ref="J2:J7"/>
    <mergeCell ref="K2:K7"/>
    <mergeCell ref="B3:B7"/>
    <mergeCell ref="C3:C7"/>
    <mergeCell ref="D3:D7"/>
    <mergeCell ref="E3:E7"/>
    <mergeCell ref="F3:F7"/>
    <mergeCell ref="G3:G7"/>
    <mergeCell ref="H3:H7"/>
    <mergeCell ref="L3:L7"/>
    <mergeCell ref="M3:M7"/>
    <mergeCell ref="N3:N7"/>
    <mergeCell ref="L2:P2"/>
    <mergeCell ref="Q2:Q7"/>
    <mergeCell ref="R2:R7"/>
    <mergeCell ref="J16:J17"/>
    <mergeCell ref="K16:K17"/>
    <mergeCell ref="J18:J19"/>
    <mergeCell ref="K18:K19"/>
    <mergeCell ref="J12:J13"/>
    <mergeCell ref="K12:K13"/>
    <mergeCell ref="J14:J15"/>
    <mergeCell ref="K14:K15"/>
    <mergeCell ref="J33:J34"/>
    <mergeCell ref="K33:K34"/>
    <mergeCell ref="J22:J23"/>
    <mergeCell ref="K22:K23"/>
    <mergeCell ref="J27:J28"/>
    <mergeCell ref="K27:K28"/>
    <mergeCell ref="J24:J25"/>
    <mergeCell ref="K24:K25"/>
    <mergeCell ref="J41:J42"/>
    <mergeCell ref="K41:K42"/>
    <mergeCell ref="J45:J46"/>
    <mergeCell ref="K45:K46"/>
    <mergeCell ref="J35:J36"/>
    <mergeCell ref="K35:K36"/>
    <mergeCell ref="J37:J38"/>
    <mergeCell ref="K37:K38"/>
    <mergeCell ref="J54:J55"/>
    <mergeCell ref="K54:K55"/>
    <mergeCell ref="J59:J60"/>
    <mergeCell ref="K59:K60"/>
    <mergeCell ref="J49:J50"/>
    <mergeCell ref="K49:K50"/>
    <mergeCell ref="J51:J52"/>
    <mergeCell ref="K51:K52"/>
    <mergeCell ref="J76:J77"/>
    <mergeCell ref="K76:K77"/>
    <mergeCell ref="J68:J69"/>
    <mergeCell ref="K68:K69"/>
    <mergeCell ref="J70:J71"/>
    <mergeCell ref="K70:K71"/>
    <mergeCell ref="J62:J63"/>
    <mergeCell ref="K62:K63"/>
    <mergeCell ref="J64:J65"/>
    <mergeCell ref="K64:K65"/>
    <mergeCell ref="P1:R1"/>
    <mergeCell ref="J92:J93"/>
    <mergeCell ref="K92:K93"/>
    <mergeCell ref="J95:J96"/>
    <mergeCell ref="K95:K96"/>
    <mergeCell ref="J85:J86"/>
    <mergeCell ref="K85:K86"/>
    <mergeCell ref="J88:J89"/>
    <mergeCell ref="K88:K89"/>
    <mergeCell ref="J78:J79"/>
    <mergeCell ref="K78:K79"/>
    <mergeCell ref="J83:J84"/>
    <mergeCell ref="K83:K84"/>
    <mergeCell ref="J73:J74"/>
    <mergeCell ref="K73:K74"/>
  </mergeCells>
  <phoneticPr fontId="1"/>
  <pageMargins left="0.70866141732283472" right="0.70866141732283472" top="0.35433070866141736" bottom="0.55118110236220474" header="0.31496062992125984" footer="0.39370078740157483"/>
  <pageSetup paperSize="9" scale="61" fitToHeight="0" orientation="landscape" r:id="rId1"/>
  <headerFooter>
    <oddFooter xml:space="preserve">&amp;L&amp;"-,太字"&amp;14（想定収容人数の算定）屋外：遊具などのデッドスペースや共用スペースを1割とし、残りを一人当たり１㎡とする。屋内：通路など共有スペースを1割とし、残りを一人当たり1.65㎡とする。
（指定の考え方）○:現象に対応できる 　×:現象に対応できない 　△:施設の安全確認後に避難可能で耐震基準を満たした施設 　▲:２階以上のみ避難可能
（まちの浸水とは）まちの浸水とは、降雨量が小河川や下水道等の流れる能力を超えた場合に、建物や道路が浸水することを指す。&amp;C
</oddFoot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HP用</vt:lpstr>
      <vt:lpstr>HP用!Print_Area</vt:lpstr>
      <vt:lpstr>HP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山本　雅広</dc:creator>
  <cp:lastModifiedBy>山本　佑真</cp:lastModifiedBy>
  <cp:lastPrinted>2023-10-03T05:49:19Z</cp:lastPrinted>
  <dcterms:created xsi:type="dcterms:W3CDTF">2018-06-12T07:19:37Z</dcterms:created>
  <dcterms:modified xsi:type="dcterms:W3CDTF">2025-11-28T01:47:32Z</dcterms:modified>
</cp:coreProperties>
</file>